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3"/>
  </p:sldMasterIdLst>
  <p:notesMasterIdLst>
    <p:notesMasterId r:id="rId20"/>
  </p:notesMasterIdLst>
  <p:sldIdLst>
    <p:sldId id="265" r:id="rId14"/>
    <p:sldId id="257" r:id="rId15"/>
    <p:sldId id="261" r:id="rId16"/>
    <p:sldId id="266" r:id="rId17"/>
    <p:sldId id="267" r:id="rId18"/>
    <p:sldId id="269" r:id="rId19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565656"/>
    <a:srgbClr val="1F4A60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4660"/>
  </p:normalViewPr>
  <p:slideViewPr>
    <p:cSldViewPr showGuides="1">
      <p:cViewPr varScale="1">
        <p:scale>
          <a:sx n="110" d="100"/>
          <a:sy n="110" d="100"/>
        </p:scale>
        <p:origin x="576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17-01-2022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502154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7978261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302492361" name="image" descr="{&quot;templafy&quot;:{&quot;id&quot;:&quot;79f6ab05-1eb3-43b1-a578-908864281f3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916431561" name="image" descr="{&quot;templafy&quot;:{&quot;id&quot;:&quot;1c8603ac-bf8e-4281-bf5e-45044c07e20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a417fa0e-00ea-4e27-a7e7-7e0789217e82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f5906f67-92b0-4477-8039-392dea189029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731875791" name="image" descr="{&quot;templafy&quot;:{&quot;id&quot;:&quot;f00c9ebf-3a15-4f18-8f47-2f27cbddb25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91883341" name="image" descr="{&quot;templafy&quot;:{&quot;id&quot;:&quot;db447f6f-704a-49a8-b048-4c5e1a386bf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25383591" name="image" descr="{&quot;templafy&quot;:{&quot;id&quot;:&quot;375d3553-f0fa-4db0-8bac-354edb06354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b580432b-7d5c-410d-85ed-33355fd305ce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29" name="text" descr="{&quot;templafy&quot;:{&quot;id&quot;:&quot;6550b62b-0612-49df-ab70-1c4a893d1071&quot;}}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Ortopædkirurgisk Afdeling M</a:t>
            </a:r>
          </a:p>
        </p:txBody>
      </p:sp>
      <p:sp>
        <p:nvSpPr>
          <p:cNvPr id="30" name="text" descr="{&quot;templafy&quot;:{&quot;id&quot;:&quot;15a66e9e-c58b-47f0-80e7-5ac93711f173&quot;}}" hidden="1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591d8a7a-9f99-42d8-836e-4f9c39476b40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771324339" name="image" descr="{&quot;templafy&quot;:{&quot;id&quot;:&quot;e9d07c4f-6e68-417d-9f3a-f8b496be3d2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35521065" name="image" descr="{&quot;templafy&quot;:{&quot;id&quot;:&quot;3812601c-e93c-4964-8ab6-d5fa4941ebc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478134570" name="image" descr="{&quot;templafy&quot;:{&quot;id&quot;:&quot;a55f572c-58dd-480c-8d68-f8e10bf2d24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3cbb3441-2a72-4479-a383-5c83d547ebb1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10" name="text" descr="{&quot;templafy&quot;:{&quot;id&quot;:&quot;487481e6-e4bf-44c8-8eba-ce3b1b716c2c&quot;}}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Ortopædkirurgisk Afdeling M</a:t>
            </a:r>
          </a:p>
        </p:txBody>
      </p:sp>
      <p:sp>
        <p:nvSpPr>
          <p:cNvPr id="11" name="text" descr="{&quot;templafy&quot;:{&quot;id&quot;:&quot;f240290f-f25c-465c-9839-ad4b98c4df9c&quot;}}" hidden="1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2bf0589f-3819-45c7-9786-e12e8a007ea7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863631573" name="image" descr="{&quot;templafy&quot;:{&quot;id&quot;:&quot;a39e6eec-7496-45d9-8370-3caf85bfb93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965899449" name="image" descr="{&quot;templafy&quot;:{&quot;id&quot;:&quot;fa8878ee-11c6-4fcb-abd8-be29dc3162b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390838402" name="image" descr="{&quot;templafy&quot;:{&quot;id&quot;:&quot;3f978f8a-3d37-471b-b2af-38550fd593b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104050595" name="image" descr="{&quot;templafy&quot;:{&quot;id&quot;:&quot;756c21ac-3185-490d-928b-20f0c0d8179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824523942" name="image" descr="{&quot;templafy&quot;:{&quot;id&quot;:&quot;51c484af-0782-4751-9c78-c61510a74f5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c6df020d-f99c-4fbf-86d3-121b0e894bbc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27" name="text" descr="{&quot;templafy&quot;:{&quot;id&quot;:&quot;bc9b0cc7-50b1-40f2-a21a-518c978e7315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905742092" name="image" descr="{&quot;templafy&quot;:{&quot;id&quot;:&quot;0096393e-1f14-47b4-87de-aa3b983e5a8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8613f6b0-0323-4109-b47f-f3554e18ceb9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15" name="text" descr="{&quot;templafy&quot;:{&quot;id&quot;:&quot;85db55e6-458b-481d-9408-463234bfcea3&quot;}}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Ortopædkirurgisk Afdeling M</a:t>
            </a:r>
          </a:p>
        </p:txBody>
      </p:sp>
      <p:sp>
        <p:nvSpPr>
          <p:cNvPr id="16" name="text" descr="{&quot;templafy&quot;:{&quot;id&quot;:&quot;36014283-89cf-40e7-b10d-896b960fe66b&quot;}}" hidden="1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8" name="text" descr="{&quot;templafy&quot;:{&quot;id&quot;:&quot;c25d615f-c77d-45fc-98e3-9e427daf875b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448724868" name="image" descr="{&quot;templafy&quot;:{&quot;id&quot;:&quot;dbcdf9a9-5347-416b-ae7e-68252ff76fd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041157179" name="image" descr="{&quot;templafy&quot;:{&quot;id&quot;:&quot;928259b6-8dd7-40e2-990b-c56de7ea489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818401482" name="image" descr="{&quot;templafy&quot;:{&quot;id&quot;:&quot;dea09ea3-de36-49cc-be77-4b105dbdde0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247876574" name="image" descr="{&quot;templafy&quot;:{&quot;id&quot;:&quot;98accfd7-65be-4f30-8586-8508c3b76ae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61087237" name="image" descr="{&quot;templafy&quot;:{&quot;id&quot;:&quot;17d2b0de-711d-475e-8c79-bc1378a0356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0" name="text" descr="{&quot;templafy&quot;:{&quot;id&quot;:&quot;a91bff52-f5b0-451d-8121-048055ce9776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21" name="text" descr="{&quot;templafy&quot;:{&quot;id&quot;:&quot;e9c03596-ba49-4d5c-b2b2-97b92aad4221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81334215" name="image" descr="{&quot;templafy&quot;:{&quot;id&quot;:&quot;39f970a3-b96a-4782-baeb-e4de4cb8745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1"/>
            <a:ext cx="1219199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250935777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93136718" name="image" descr="{&quot;templafy&quot;:{&quot;id&quot;:&quot;12ee9efe-4af9-4ffe-b607-18f0dc59342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b42612dc-8fce-4284-b721-03774164ddb2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Bispebjerg og Frederiksberg Hospital</a:t>
            </a:r>
          </a:p>
        </p:txBody>
      </p:sp>
      <p:sp>
        <p:nvSpPr>
          <p:cNvPr id="17" name="text" descr="{&quot;templafy&quot;:{&quot;id&quot;:&quot;93a35164-1306-4a4b-92e8-39c410d7928d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Ortopædkirurgisk Afdeling M</a:t>
            </a:r>
          </a:p>
        </p:txBody>
      </p:sp>
      <p:sp>
        <p:nvSpPr>
          <p:cNvPr id="19" name="text" descr="{&quot;templafy&quot;:{&quot;id&quot;:&quot;f3d645ec-d77e-49b6-bb5c-ac08f30860af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f0291c44-de32-4252-8db3-9b3d7e44c9c3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200806875" name="image" descr="{&quot;templafy&quot;:{&quot;id&quot;:&quot;841dd331-e547-4688-ac0d-00a84d041bf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578268020" name="image" descr="{&quot;templafy&quot;:{&quot;id&quot;:&quot;88d39a1f-1231-45fd-9cb2-20b07c63771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852db14b-7e97-4acf-ae68-6d10348a1b23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Henrik Palm</a:t>
            </a:r>
          </a:p>
        </p:txBody>
      </p:sp>
      <p:sp>
        <p:nvSpPr>
          <p:cNvPr id="30" name="text" descr="{&quot;templafy&quot;:{&quot;id&quot;:&quot;34b80d51-268d-47e7-8794-0d68c07b36a7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1127918166" name="image" descr="{&quot;templafy&quot;:{&quot;id&quot;:&quot;a36a5f67-42ea-4ddb-ad58-0dc5a8794f3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118941605" name="image" descr="{&quot;templafy&quot;:{&quot;id&quot;:&quot;4220aff4-ef7e-45b4-848d-2f672c745ef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8108"/>
            <a:ext cx="116417" cy="594784"/>
          </a:xfrm>
          <a:prstGeom prst="rect">
            <a:avLst/>
          </a:prstGeom>
        </p:spPr>
      </p:pic>
      <p:pic>
        <p:nvPicPr>
          <p:cNvPr id="1710375595" name="image" descr="{&quot;templafy&quot;:{&quot;id&quot;:&quot;880d74c1-26de-4407-953f-d5df1dd36bb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d68620ae-9c75-46be-a065-61dd7b5c1a93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Bispebjerg og Frederiksberg Hospital</a:t>
            </a:r>
          </a:p>
        </p:txBody>
      </p:sp>
      <p:sp>
        <p:nvSpPr>
          <p:cNvPr id="17" name="text" descr="{&quot;templafy&quot;:{&quot;id&quot;:&quot;cc0c63b5-2e22-4ad6-8911-6d7b928320b7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Ortopædkirurgisk Afdeling M</a:t>
            </a:r>
          </a:p>
        </p:txBody>
      </p:sp>
      <p:sp>
        <p:nvSpPr>
          <p:cNvPr id="19" name="text" descr="{&quot;templafy&quot;:{&quot;id&quot;:&quot;d61a3a3a-49a9-4754-9794-6dfb463cbef1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058160d9-4873-4461-99dd-4a8a160ce8dc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947498623" name="image" descr="{&quot;templafy&quot;:{&quot;id&quot;:&quot;a3a1bdfe-905f-4e0b-8a5e-b4c9cff03d7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94029209" name="image" descr="{&quot;templafy&quot;:{&quot;id&quot;:&quot;aaef92d9-502c-49ef-8e0d-7218c7b4c06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7f9b1835-f725-4c9f-ba3e-08719bba405a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Henrik Palm</a:t>
            </a:r>
          </a:p>
        </p:txBody>
      </p:sp>
      <p:sp>
        <p:nvSpPr>
          <p:cNvPr id="30" name="text" descr="{&quot;templafy&quot;:{&quot;id&quot;:&quot;4a61c3ba-123f-4c55-acb3-1446f09e78b4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625749217" name="image" descr="{&quot;templafy&quot;:{&quot;id&quot;:&quot;0c7304ea-d5d9-4708-9aae-344410e6277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79547721" name="image" descr="{&quot;templafy&quot;:{&quot;id&quot;:&quot;6e1645b4-b243-4354-821d-29b79f3d3f0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226638851" name="image" descr="{&quot;templafy&quot;:{&quot;id&quot;:&quot;79be18c6-fab6-4813-92fd-5b25b86e060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623074242" name="image" descr="{&quot;templafy&quot;:{&quot;id&quot;:&quot;9f3bafec-4c3b-4342-989a-319ae5b3b43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865931561" name="image" descr="{&quot;templafy&quot;:{&quot;id&quot;:&quot;6bc9cbdd-993d-4b23-bf4d-e5b7328a9d1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315920910" name="image" descr="{&quot;templafy&quot;:{&quot;id&quot;:&quot;89ccdde5-ac28-4829-abfc-c8e3cab8012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753abe00-0bab-4cbd-81f7-251a6500c302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12" name="text" descr="{&quot;templafy&quot;:{&quot;id&quot;:&quot;d20ade7a-939d-4041-8aad-439bde463385&quot;}}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Ortopædkirurgisk Afdeling M</a:t>
            </a:r>
          </a:p>
        </p:txBody>
      </p:sp>
      <p:sp>
        <p:nvSpPr>
          <p:cNvPr id="13" name="text" descr="{&quot;templafy&quot;:{&quot;id&quot;:&quot;c032b2eb-359f-4295-b955-9e2046f96d1d&quot;}}" hidden="1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c7b03826-58a4-4ba2-a582-bc2086b66bb5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522751508" name="image" descr="{&quot;templafy&quot;:{&quot;id&quot;:&quot;51341ef4-dbe9-4dce-b7fd-01399042204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386812367" name="image" descr="{&quot;templafy&quot;:{&quot;id&quot;:&quot;22886eb9-5acc-4262-a5d1-e079cfe8879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346835828" name="image" descr="{&quot;templafy&quot;:{&quot;id&quot;:&quot;e1b07f6d-b721-4619-ad81-d5299187cdf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7" name="text" descr="{&quot;templafy&quot;:{&quot;id&quot;:&quot;08e1213b-af2c-4c50-aad3-b0cffe77b4ff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18" name="text" descr="{&quot;templafy&quot;:{&quot;id&quot;:&quot;37379159-0fe4-4a9b-915b-8f592422ad4b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590349673" name="image" descr="{&quot;templafy&quot;:{&quot;id&quot;:&quot;034603b4-5ce6-4688-ae79-f5dabf7e5e5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732129238" name="image" descr="{&quot;templafy&quot;:{&quot;id&quot;:&quot;05260bc9-395f-4861-abcf-f56f00a2024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219676052" name="image" descr="{&quot;templafy&quot;:{&quot;id&quot;:&quot;6b6d76a9-1026-4435-876f-13c7a1e7aab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47891550" name="image" descr="{&quot;templafy&quot;:{&quot;id&quot;:&quot;03c63f3d-3927-4355-b9d9-026267866f5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03b68409-5014-4efe-a282-ff13aa22f405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Bispebjerg og Frederiksberg Hospital</a:t>
            </a:r>
          </a:p>
        </p:txBody>
      </p:sp>
      <p:sp>
        <p:nvSpPr>
          <p:cNvPr id="27" name="text" descr="{&quot;templafy&quot;:{&quot;id&quot;:&quot;25266656-86ff-49d5-84a0-78a9fe64cf55&quot;}}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Ortopædkirurgisk Afdeling M</a:t>
            </a:r>
          </a:p>
        </p:txBody>
      </p:sp>
      <p:sp>
        <p:nvSpPr>
          <p:cNvPr id="28" name="text" descr="{&quot;templafy&quot;:{&quot;id&quot;:&quot;6f657f48-8e23-48d5-91c4-545f4e1b3c8e&quot;}}" hidden="1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6" name="text" descr="{&quot;templafy&quot;:{&quot;id&quot;:&quot;b2768b8b-eeaf-45cb-ab77-c45b11bafc29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755116446" name="image" descr="{&quot;templafy&quot;:{&quot;id&quot;:&quot;4e3a529b-8d93-4a61-9137-b41ef0491b9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907083432" name="image" descr="{&quot;templafy&quot;:{&quot;id&quot;:&quot;56f93d80-f955-4555-9d51-b18d141e073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cd32abab-7102-4370-9e5c-52530c5859e6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30" name="text" descr="{&quot;templafy&quot;:{&quot;id&quot;:&quot;3a597708-8a78-49e6-ad09-d03dbf59875e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120704900" name="image" descr="{&quot;templafy&quot;:{&quot;id&quot;:&quot;ae68a152-4c9b-49e9-b1d1-01628f2d77e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528511901" name="image" descr="{&quot;templafy&quot;:{&quot;id&quot;:&quot;f8a0c577-3d4a-4b06-aeab-4c079ad81a9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558711834" name="image" descr="{&quot;templafy&quot;:{&quot;id&quot;:&quot;a7460aca-7747-4f8e-a309-ebf7abc10eb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0460795e-889c-4242-a5bc-e14fc3dd4706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f421b9fe-56c1-4d41-a9a0-ec9869ea6a35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26586689" name="image" descr="{&quot;templafy&quot;:{&quot;id&quot;:&quot;4c0faf22-74ad-4197-9011-38374d55fcf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139207769" name="image" descr="{&quot;templafy&quot;:{&quot;id&quot;:&quot;6f9dabb7-7421-49c8-bfaa-f8ec04146f8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56013530" name="image" descr="{&quot;templafy&quot;:{&quot;id&quot;:&quot;96322406-39f2-439e-a281-0afcebc157a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40181e27-18d6-454b-8045-d54c9aee565b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29" name="text" descr="{&quot;templafy&quot;:{&quot;id&quot;:&quot;bc87c293-bbc5-4f5a-b495-db365af20d35&quot;}}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Ortopædkirurgisk Afdeling M</a:t>
            </a:r>
          </a:p>
        </p:txBody>
      </p:sp>
      <p:sp>
        <p:nvSpPr>
          <p:cNvPr id="30" name="text" descr="{&quot;templafy&quot;:{&quot;id&quot;:&quot;6e1d708d-f60c-4fed-8915-a0b44af609a0&quot;}}" hidden="1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ba91d646-5132-460c-89e6-50245cc815fe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23565200" name="image" descr="{&quot;templafy&quot;:{&quot;id&quot;:&quot;a3b5d485-e993-48f0-b04e-54bcb3b4aa0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87624087" name="image" descr="{&quot;templafy&quot;:{&quot;id&quot;:&quot;9bea6766-ad67-4745-a8c8-df98854699a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261986605" name="image" descr="{&quot;templafy&quot;:{&quot;id&quot;:&quot;cb5cc4c7-990d-4587-91ca-e19ab147cb2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378245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789565f5-5edb-400f-b680-848b3e1bf78a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7" name="text" descr="{&quot;templafy&quot;:{&quot;id&quot;:&quot;45231809-bd79-45c1-91c0-014404d0b0ff&quot;}}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Ortopædkirurgisk Afdeling M</a:t>
            </a:r>
          </a:p>
        </p:txBody>
      </p:sp>
      <p:sp>
        <p:nvSpPr>
          <p:cNvPr id="8" name="text" descr="{&quot;templafy&quot;:{&quot;id&quot;:&quot;3e26bc0c-0ef3-4669-b003-ed14a60e756a&quot;}}" hidden="1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9" name="text" descr="{&quot;templafy&quot;:{&quot;id&quot;:&quot;9104bd0b-aa8f-4e60-ac27-21673fd3f69b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394727378" name="image" descr="{&quot;templafy&quot;:{&quot;id&quot;:&quot;07448163-9b23-40be-aa85-45726ca206d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406542956" name="image" descr="{&quot;templafy&quot;:{&quot;id&quot;:&quot;f23a8070-3eb4-4c1a-a40f-90ad286f008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345466119" name="image" descr="{&quot;templafy&quot;:{&quot;id&quot;:&quot;4200356f-45fe-49a1-bdb7-60c9b75b15c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75520695" name="image" descr="{&quot;templafy&quot;:{&quot;id&quot;:&quot;a55943af-e79c-49f8-9aa6-4f787ca8011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836852826" name="image" descr="{&quot;templafy&quot;:{&quot;id&quot;:&quot;a9a8efbd-5d17-45e6-9b38-4740809fc6a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2" name="text" descr="{&quot;templafy&quot;:{&quot;id&quot;:&quot;d4396e55-3b31-4d41-ad34-a1d80e70cc3f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23" name="text" descr="{&quot;templafy&quot;:{&quot;id&quot;:&quot;0d00999f-07d0-4721-abfb-181bb99058e9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10514454" name="image" descr="{&quot;templafy&quot;:{&quot;id&quot;:&quot;646b4a61-1ce3-4013-8f31-18824cdd266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893050394" name="image" descr="{&quot;templafy&quot;:{&quot;id&quot;:&quot;4fd3bb41-b54c-41dc-a711-89ef3ffc1ad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f09c6b88-d4ef-492d-aa5a-8baacf901a31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Bispebjerg og Frederiksberg Hospital</a:t>
            </a:r>
          </a:p>
        </p:txBody>
      </p:sp>
      <p:sp>
        <p:nvSpPr>
          <p:cNvPr id="17" name="text" descr="{&quot;templafy&quot;:{&quot;id&quot;:&quot;3de44c2c-1613-4761-944f-81c6e773323f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Ortopædkirurgisk Afdeling M</a:t>
            </a:r>
          </a:p>
        </p:txBody>
      </p:sp>
      <p:sp>
        <p:nvSpPr>
          <p:cNvPr id="19" name="text" descr="{&quot;templafy&quot;:{&quot;id&quot;:&quot;ace0515e-ec3d-4f0c-b39d-622469461484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bb04788d-c5a4-4b46-a425-81577bf93df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980379228" name="image" descr="{&quot;templafy&quot;:{&quot;id&quot;:&quot;1ae8a5fe-6271-4c03-b6e2-ebc713b00dd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19212226" name="image" descr="{&quot;templafy&quot;:{&quot;id&quot;:&quot;720fb5bf-3641-4733-9b52-1cf03c5e004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4fd4601d-e17e-41f8-aca9-ffd2efba5f36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Henrik Palm</a:t>
            </a:r>
          </a:p>
        </p:txBody>
      </p:sp>
      <p:sp>
        <p:nvSpPr>
          <p:cNvPr id="30" name="text" descr="{&quot;templafy&quot;:{&quot;id&quot;:&quot;983ea186-95b4-4529-8e4a-6472e6a63e35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4202862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292990836" name="image" descr="{&quot;templafy&quot;:{&quot;id&quot;:&quot;47cbc01c-f047-4784-bf7c-2bbb57dc9c1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792597296" name="image" descr="{&quot;templafy&quot;:{&quot;id&quot;:&quot;bca3d7e0-c1e2-4b4b-9744-f692e3088be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0412661" name="image" descr="{&quot;templafy&quot;:{&quot;id&quot;:&quot;91d994e6-5c86-4dbd-8795-63a660b261a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55697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0bc7c5ea-3b3f-44d9-a581-2a5e8a49eb29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11" name="text" descr="{&quot;templafy&quot;:{&quot;id&quot;:&quot;53afd0c3-daba-4d52-a02b-c036aeced493&quot;}}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Ortopædkirurgisk Afdeling M</a:t>
            </a:r>
          </a:p>
        </p:txBody>
      </p:sp>
      <p:sp>
        <p:nvSpPr>
          <p:cNvPr id="12" name="text" descr="{&quot;templafy&quot;:{&quot;id&quot;:&quot;6bad999f-64c7-4cb1-8565-7dfb291daee3&quot;}}" hidden="1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adeaabf8-fd74-49ad-9ca1-d6bc1df7ff18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744085457" name="image" descr="{&quot;templafy&quot;:{&quot;id&quot;:&quot;35da5a93-4973-44fe-8a30-3b4adadeea0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702186467" name="image" descr="{&quot;templafy&quot;:{&quot;id&quot;:&quot;f917f2aa-8dda-4d37-9214-b3a9965a23b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223337157" name="image" descr="{&quot;templafy&quot;:{&quot;id&quot;:&quot;56226e61-b998-40ed-8f82-a0bae772e75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331428770" name="image" descr="{&quot;templafy&quot;:{&quot;id&quot;:&quot;fd16a4e9-200b-46f8-b0cf-54c52d299aa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201412596" name="image" descr="{&quot;templafy&quot;:{&quot;id&quot;:&quot;250a832e-d3b0-4740-9f91-f3bf396661c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91761d02-881a-4b7d-bb8e-ac732daa24d9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27" name="text" descr="{&quot;templafy&quot;:{&quot;id&quot;:&quot;7868d2d7-5a98-42cc-9336-30a0c38fe18e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92276992" name="image" descr="{&quot;templafy&quot;:{&quot;id&quot;:&quot;6a7f8d1b-0ee3-4ac4-bf9c-8028719950d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7b203b13-26fb-480b-ba04-7310c205e90d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10" name="text" descr="{&quot;templafy&quot;:{&quot;id&quot;:&quot;b3cfd99d-02ae-48f7-a1e9-8b6e3f312384&quot;}}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Ortopædkirurgisk Afdeling M</a:t>
            </a:r>
          </a:p>
        </p:txBody>
      </p:sp>
      <p:sp>
        <p:nvSpPr>
          <p:cNvPr id="12" name="text" descr="{&quot;templafy&quot;:{&quot;id&quot;:&quot;1507319c-879d-44cf-b9d5-18f14e5b90b5&quot;}}" hidden="1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f7ec9df1-4c72-4860-b10f-30671f7882ed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538299173" name="image" descr="{&quot;templafy&quot;:{&quot;id&quot;:&quot;d16ac71e-12d5-4b2b-a193-52b6d42fc82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702894568" name="image" descr="{&quot;templafy&quot;:{&quot;id&quot;:&quot;b5495041-d9ea-4999-ad5e-2a59d312467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433989393" name="image" descr="{&quot;templafy&quot;:{&quot;id&quot;:&quot;5533e3de-dc8f-40ae-9a17-c93227e3018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146637112" name="image" descr="{&quot;templafy&quot;:{&quot;id&quot;:&quot;8e87e138-8183-49cf-8578-070cdd70384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051315445" name="image" descr="{&quot;templafy&quot;:{&quot;id&quot;:&quot;973eb738-5ecb-4357-95d3-b9e5eb6f5f1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2fc540f4-2e15-4338-bb29-2d06895e9e61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26" name="text" descr="{&quot;templafy&quot;:{&quot;id&quot;:&quot;ff04a1fd-7fac-4769-8cfa-45af694618f8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895990827" name="image" descr="{&quot;templafy&quot;:{&quot;id&quot;:&quot;f88dc688-cb63-4821-a91c-f181ef82d21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b2094ce6-df7d-4caa-a533-a2cec610a115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9" name="text" descr="{&quot;templafy&quot;:{&quot;id&quot;:&quot;14458743-9d98-4a9b-95fb-3246db49c368&quot;}}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Ortopædkirurgisk Afdeling M</a:t>
            </a:r>
          </a:p>
        </p:txBody>
      </p:sp>
      <p:sp>
        <p:nvSpPr>
          <p:cNvPr id="10" name="text" descr="{&quot;templafy&quot;:{&quot;id&quot;:&quot;e1f47141-658e-4feb-926d-cc8743def5d4&quot;}}" hidden="1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1929a3e0-b6f3-49fb-aa37-3bba4e611a95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593471856" name="image" descr="{&quot;templafy&quot;:{&quot;id&quot;:&quot;e81fe0c5-52ec-45f9-966f-ec85cc8d760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097346796" name="image" descr="{&quot;templafy&quot;:{&quot;id&quot;:&quot;97dc7990-7d0c-4abc-af66-e820625d069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90134236" name="image" descr="{&quot;templafy&quot;:{&quot;id&quot;:&quot;7fa36d04-4223-4e85-81d8-21530968910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10299143" name="image" descr="{&quot;templafy&quot;:{&quot;id&quot;:&quot;fd376111-b3bd-4512-b18d-8d9ad767c9e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470950338" name="image" descr="{&quot;templafy&quot;:{&quot;id&quot;:&quot;77152d33-f4c2-42a8-83b7-b504c963aef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70a523f5-3363-4336-8fa1-5b84d8ea1798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26" name="text" descr="{&quot;templafy&quot;:{&quot;id&quot;:&quot;838d3c06-fe26-414d-a42f-207060606c84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04219920" name="image" descr="{&quot;templafy&quot;:{&quot;id&quot;:&quot;583a89a9-00d3-4b39-b918-9f773bc655a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59b9e7d3-eb44-45b8-b69e-f971e2cac615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10" name="text" descr="{&quot;templafy&quot;:{&quot;id&quot;:&quot;98b66e76-6f6f-4f39-a1e1-ff168027dfe5&quot;}}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Ortopædkirurgisk Afdeling M</a:t>
            </a:r>
          </a:p>
        </p:txBody>
      </p:sp>
      <p:sp>
        <p:nvSpPr>
          <p:cNvPr id="13" name="text" descr="{&quot;templafy&quot;:{&quot;id&quot;:&quot;5be1c1f5-1666-4bc4-a5ce-c95be8bb002c&quot;}}" hidden="1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d5040003-a30e-4897-b0f1-bc45854515b2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832037575" name="image" descr="{&quot;templafy&quot;:{&quot;id&quot;:&quot;e75a4e69-de97-4f1c-8859-a1da217cf08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410531812" name="image" descr="{&quot;templafy&quot;:{&quot;id&quot;:&quot;d9a50e33-e9b3-44fe-9ae8-7fa24f3a4b2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885554135" name="image" descr="{&quot;templafy&quot;:{&quot;id&quot;:&quot;4dc456e4-c8c6-4f63-b079-589a5f69256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991020328" name="image" descr="{&quot;templafy&quot;:{&quot;id&quot;:&quot;842888ad-423f-4fe6-a27c-820e96d1ac1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125113711" name="image" descr="{&quot;templafy&quot;:{&quot;id&quot;:&quot;2afb72a2-dfa4-47f9-84ed-ed5ab6c006f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a7591b75-6589-48aa-afb8-00d458087027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29" name="text" descr="{&quot;templafy&quot;:{&quot;id&quot;:&quot;db202dd8-c16f-4f03-a763-0ae29e4b9e45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34565344" name="image" descr="{&quot;templafy&quot;:{&quot;id&quot;:&quot;ac30cbb9-1cd4-41e8-8bc5-e77226e8396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541333b7-391c-400c-87a0-af0531759c5c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Bispebjerg og Frederiksberg Hospital</a:t>
            </a:r>
          </a:p>
        </p:txBody>
      </p:sp>
      <p:sp>
        <p:nvSpPr>
          <p:cNvPr id="10" name="text" descr="{&quot;templafy&quot;:{&quot;id&quot;:&quot;7a49ae08-1fc2-4e99-8071-59a099df69d8&quot;}}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Ortopædkirurgisk Afdeling M</a:t>
            </a:r>
          </a:p>
        </p:txBody>
      </p:sp>
      <p:sp>
        <p:nvSpPr>
          <p:cNvPr id="11" name="text" descr="{&quot;templafy&quot;:{&quot;id&quot;:&quot;92d96d83-804f-4e1c-8e2f-7d061885ba5e&quot;}}" hidden="1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3ae5427b-3bc3-4109-ae13-11da3d78edd5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2140054304" name="image" descr="{&quot;templafy&quot;:{&quot;id&quot;:&quot;20b07c86-fa72-4843-968c-80b9b0ee85f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061211403" name="image" descr="{&quot;templafy&quot;:{&quot;id&quot;:&quot;c224b658-6523-4277-80a5-1531b8329f1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352181732" name="image" descr="{&quot;templafy&quot;:{&quot;id&quot;:&quot;b141dce5-d58c-4969-be78-69c438ae9c2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127574373" name="image" descr="{&quot;templafy&quot;:{&quot;id&quot;:&quot;60021ed0-b581-4793-92b3-f1d4cca132d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06575684" name="image" descr="{&quot;templafy&quot;:{&quot;id&quot;:&quot;de64a201-deaf-46c8-b3bf-88770481d0d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f725a53d-62a8-4c35-b949-0683f8718f40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Palm</a:t>
            </a:r>
          </a:p>
        </p:txBody>
      </p:sp>
      <p:sp>
        <p:nvSpPr>
          <p:cNvPr id="26" name="text" descr="{&quot;templafy&quot;:{&quot;id&quot;:&quot;9df8758c-0228-4cd1-a139-fd32f5810333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886382866" name="image" descr="{&quot;templafy&quot;:{&quot;id&quot;:&quot;3eb6ac18-f119-4a57-bca2-2623655848c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1c23d50e-b18a-48ec-a3e9-e0fd3736355d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0" r:id="rId2"/>
    <p:sldLayoutId id="2147483650" r:id="rId3"/>
    <p:sldLayoutId id="2147483674" r:id="rId4"/>
    <p:sldLayoutId id="2147483659" r:id="rId5"/>
    <p:sldLayoutId id="2147483660" r:id="rId6"/>
    <p:sldLayoutId id="2147483664" r:id="rId7"/>
    <p:sldLayoutId id="2147483665" r:id="rId8"/>
    <p:sldLayoutId id="2147483662" r:id="rId9"/>
    <p:sldLayoutId id="2147483668" r:id="rId10"/>
    <p:sldLayoutId id="2147483669" r:id="rId11"/>
    <p:sldLayoutId id="2147483675" r:id="rId12"/>
    <p:sldLayoutId id="2147483658" r:id="rId13"/>
    <p:sldLayoutId id="2147483672" r:id="rId14"/>
    <p:sldLayoutId id="2147483655" r:id="rId15"/>
    <p:sldLayoutId id="2147483663" r:id="rId16"/>
    <p:sldLayoutId id="2147483667" r:id="rId17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9.xml"/><Relationship Id="rId6" Type="http://schemas.openxmlformats.org/officeDocument/2006/relationships/image" Target="../media/image15.pn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7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0.png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image" Target="../media/image17.png"/><Relationship Id="rId7" Type="http://schemas.openxmlformats.org/officeDocument/2006/relationships/image" Target="../media/image21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0.png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6831F943-58BC-4D23-9EFB-858A77C80C5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416" y="2438130"/>
            <a:ext cx="7926191" cy="3264879"/>
          </a:xfrm>
        </p:spPr>
        <p:txBody>
          <a:bodyPr/>
          <a:lstStyle/>
          <a:p>
            <a:r>
              <a:rPr lang="da-DK" dirty="0"/>
              <a:t>Oplæg fra SFR Ortopædkirurgi vedr. fokuseret indsats på hoftebrudsdatabasen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4E83C61-BEA1-4276-AB84-BD5DE940F04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39416" y="4714629"/>
            <a:ext cx="6400800" cy="888504"/>
          </a:xfrm>
        </p:spPr>
        <p:txBody>
          <a:bodyPr/>
          <a:lstStyle/>
          <a:p>
            <a:r>
              <a:rPr lang="da-DK" dirty="0" err="1"/>
              <a:t>LedOvl</a:t>
            </a:r>
            <a:r>
              <a:rPr lang="da-DK" dirty="0"/>
              <a:t> Henrik Palm BBH</a:t>
            </a:r>
          </a:p>
        </p:txBody>
      </p:sp>
      <p:sp>
        <p:nvSpPr>
          <p:cNvPr id="5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</a:t>
            </a:fld>
            <a:endParaRPr lang="da-DK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E2ECA5F3-89F6-44EC-B174-45151D24F22F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609" t="24015" r="11423" b="27541"/>
          <a:stretch/>
        </p:blipFill>
        <p:spPr>
          <a:xfrm>
            <a:off x="8135858" y="2276872"/>
            <a:ext cx="3792790" cy="4235612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2781407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333BF208-26DF-41D4-B0CF-D0AD602463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788" y="65547"/>
            <a:ext cx="7092000" cy="1161947"/>
          </a:xfrm>
        </p:spPr>
        <p:txBody>
          <a:bodyPr/>
          <a:lstStyle/>
          <a:p>
            <a:r>
              <a:rPr lang="da-DK" dirty="0"/>
              <a:t>Status for ortopædkirurgien</a:t>
            </a:r>
          </a:p>
        </p:txBody>
      </p:sp>
      <p:sp>
        <p:nvSpPr>
          <p:cNvPr id="3" name="USR_Name" hidden="1"/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dirty="0"/>
          </a:p>
        </p:txBody>
      </p:sp>
      <p:sp>
        <p:nvSpPr>
          <p:cNvPr id="4" name="FLD_PresentationTitle" hidden="1"/>
          <p:cNvSpPr>
            <a:spLocks noGrp="1"/>
          </p:cNvSpPr>
          <p:nvPr>
            <p:ph type="ftr" sz="quarter" idx="15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l" defTabSz="914400" rtl="0" eaLnBrk="1" latinLnBrk="0" hangingPunct="1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6"/>
          </p:nvPr>
        </p:nvSpPr>
        <p:spPr>
          <a:xfrm>
            <a:off x="8459788" y="6288074"/>
            <a:ext cx="684211" cy="144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ctr" defTabSz="914400" rtl="0" eaLnBrk="1" latinLnBrk="0" hangingPunct="1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0DAB5548-7253-48D6-B95B-F3D312A72220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10" name="Pladsholder til indhold 2">
            <a:extLst>
              <a:ext uri="{FF2B5EF4-FFF2-40B4-BE49-F238E27FC236}">
                <a16:creationId xmlns:a16="http://schemas.microsoft.com/office/drawing/2014/main" id="{8DECF92E-7F9F-4249-908B-987614B22E17}"/>
              </a:ext>
            </a:extLst>
          </p:cNvPr>
          <p:cNvSpPr txBox="1">
            <a:spLocks/>
          </p:cNvSpPr>
          <p:nvPr/>
        </p:nvSpPr>
        <p:spPr>
          <a:xfrm>
            <a:off x="1367788" y="1567490"/>
            <a:ext cx="5503618" cy="4311501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da-DK" dirty="0">
                <a:latin typeface="+mj-lt"/>
              </a:rPr>
              <a:t>Specialeplan:</a:t>
            </a:r>
          </a:p>
          <a:p>
            <a:pPr algn="l"/>
            <a:endParaRPr lang="da-DK" sz="2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l"/>
            <a:r>
              <a:rPr lang="da-DK" sz="2000" dirty="0">
                <a:cs typeface="Calibri" panose="020F0502020204030204" pitchFamily="34" charset="0"/>
              </a:rPr>
              <a:t>Alle har akut </a:t>
            </a:r>
            <a:r>
              <a:rPr lang="da-DK" sz="2000" dirty="0" err="1">
                <a:cs typeface="Calibri" panose="020F0502020204030204" pitchFamily="34" charset="0"/>
              </a:rPr>
              <a:t>traumatologi</a:t>
            </a:r>
            <a:r>
              <a:rPr lang="da-DK" sz="2000" dirty="0">
                <a:cs typeface="Calibri" panose="020F0502020204030204" pitchFamily="34" charset="0"/>
              </a:rPr>
              <a:t> og </a:t>
            </a:r>
            <a:r>
              <a:rPr lang="da-DK" sz="2000" dirty="0" err="1">
                <a:cs typeface="Calibri" panose="020F0502020204030204" pitchFamily="34" charset="0"/>
              </a:rPr>
              <a:t>alloplastik</a:t>
            </a:r>
            <a:endParaRPr lang="da-DK" sz="2000" dirty="0">
              <a:cs typeface="Calibri" panose="020F0502020204030204" pitchFamily="34" charset="0"/>
            </a:endParaRPr>
          </a:p>
          <a:p>
            <a:pPr algn="l"/>
            <a:r>
              <a:rPr lang="da-DK" sz="2000" dirty="0">
                <a:cs typeface="Calibri" panose="020F0502020204030204" pitchFamily="34" charset="0"/>
              </a:rPr>
              <a:t>NOH =&gt; Hånd + Fod</a:t>
            </a:r>
          </a:p>
          <a:p>
            <a:pPr algn="l"/>
            <a:r>
              <a:rPr lang="da-DK" sz="2000" dirty="0">
                <a:cs typeface="Calibri" panose="020F0502020204030204" pitchFamily="34" charset="0"/>
              </a:rPr>
              <a:t>HGH =&gt; </a:t>
            </a:r>
            <a:r>
              <a:rPr lang="da-DK" sz="2000" b="1" dirty="0">
                <a:cs typeface="Calibri" panose="020F0502020204030204" pitchFamily="34" charset="0"/>
              </a:rPr>
              <a:t>Skulder-Albue + Hånd </a:t>
            </a:r>
            <a:br>
              <a:rPr lang="da-DK" sz="2000" dirty="0">
                <a:cs typeface="Calibri" panose="020F0502020204030204" pitchFamily="34" charset="0"/>
              </a:rPr>
            </a:br>
            <a:r>
              <a:rPr lang="da-DK" sz="2000" dirty="0">
                <a:cs typeface="Calibri" panose="020F0502020204030204" pitchFamily="34" charset="0"/>
              </a:rPr>
              <a:t>               + Idræt + Fod</a:t>
            </a:r>
          </a:p>
          <a:p>
            <a:pPr algn="l"/>
            <a:r>
              <a:rPr lang="da-DK" sz="2000" dirty="0">
                <a:cs typeface="Calibri" panose="020F0502020204030204" pitchFamily="34" charset="0"/>
              </a:rPr>
              <a:t>BBH =&gt; </a:t>
            </a:r>
            <a:r>
              <a:rPr lang="da-DK" sz="2000" b="1" dirty="0">
                <a:cs typeface="Calibri" panose="020F0502020204030204" pitchFamily="34" charset="0"/>
              </a:rPr>
              <a:t>Idræt </a:t>
            </a:r>
            <a:r>
              <a:rPr lang="da-DK" sz="2000" dirty="0">
                <a:cs typeface="Calibri" panose="020F0502020204030204" pitchFamily="34" charset="0"/>
              </a:rPr>
              <a:t>+ Fod</a:t>
            </a:r>
          </a:p>
          <a:p>
            <a:pPr algn="l"/>
            <a:r>
              <a:rPr lang="da-DK" sz="2000" dirty="0">
                <a:cs typeface="Calibri" panose="020F0502020204030204" pitchFamily="34" charset="0"/>
              </a:rPr>
              <a:t>AHH =&gt; </a:t>
            </a:r>
            <a:r>
              <a:rPr lang="da-DK" sz="2000" b="1" dirty="0">
                <a:cs typeface="Calibri" panose="020F0502020204030204" pitchFamily="34" charset="0"/>
              </a:rPr>
              <a:t>Fod</a:t>
            </a:r>
            <a:r>
              <a:rPr lang="da-DK" sz="2000" dirty="0">
                <a:cs typeface="Calibri" panose="020F0502020204030204" pitchFamily="34" charset="0"/>
              </a:rPr>
              <a:t> + Idræt</a:t>
            </a:r>
          </a:p>
          <a:p>
            <a:pPr algn="l"/>
            <a:r>
              <a:rPr lang="da-DK" sz="2000" dirty="0">
                <a:cs typeface="Calibri" panose="020F0502020204030204" pitchFamily="34" charset="0"/>
              </a:rPr>
              <a:t>BOH</a:t>
            </a:r>
          </a:p>
          <a:p>
            <a:pPr algn="l"/>
            <a:r>
              <a:rPr lang="da-DK" sz="2000" dirty="0">
                <a:cs typeface="Calibri" panose="020F0502020204030204" pitchFamily="34" charset="0"/>
              </a:rPr>
              <a:t>RH =&gt;</a:t>
            </a:r>
            <a:r>
              <a:rPr lang="da-DK" sz="2000" b="1" dirty="0">
                <a:cs typeface="Calibri" panose="020F0502020204030204" pitchFamily="34" charset="0"/>
              </a:rPr>
              <a:t> Traume + Børn + Tumor + Ryg</a:t>
            </a:r>
          </a:p>
          <a:p>
            <a:pPr algn="l"/>
            <a:endParaRPr lang="da-DK" sz="2000" dirty="0"/>
          </a:p>
          <a:p>
            <a:pPr algn="l"/>
            <a:endParaRPr lang="da-DK" sz="2000" dirty="0"/>
          </a:p>
        </p:txBody>
      </p:sp>
      <p:sp>
        <p:nvSpPr>
          <p:cNvPr id="11" name="Pladsholder til indhold 2">
            <a:extLst>
              <a:ext uri="{FF2B5EF4-FFF2-40B4-BE49-F238E27FC236}">
                <a16:creationId xmlns:a16="http://schemas.microsoft.com/office/drawing/2014/main" id="{EE206073-A9F4-4ABE-BAFD-0715688E287D}"/>
              </a:ext>
            </a:extLst>
          </p:cNvPr>
          <p:cNvSpPr txBox="1">
            <a:spLocks/>
          </p:cNvSpPr>
          <p:nvPr/>
        </p:nvSpPr>
        <p:spPr>
          <a:xfrm>
            <a:off x="6948997" y="1568561"/>
            <a:ext cx="3840227" cy="400522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da-DK" dirty="0"/>
              <a:t>RKKP databaser:</a:t>
            </a:r>
          </a:p>
          <a:p>
            <a:pPr marL="342900" indent="-342900" algn="l">
              <a:buFontTx/>
              <a:buChar char="-"/>
            </a:pPr>
            <a:endParaRPr lang="da-DK" sz="2000" dirty="0"/>
          </a:p>
          <a:p>
            <a:pPr marL="342900" indent="-342900" algn="l">
              <a:buFontTx/>
              <a:buChar char="-"/>
            </a:pPr>
            <a:r>
              <a:rPr lang="da-DK" sz="2000" dirty="0"/>
              <a:t>DHR for </a:t>
            </a:r>
            <a:r>
              <a:rPr lang="da-DK" sz="2000" dirty="0" err="1"/>
              <a:t>hoftealloplastik</a:t>
            </a:r>
            <a:endParaRPr lang="da-DK" sz="2000" dirty="0"/>
          </a:p>
          <a:p>
            <a:pPr marL="342900" indent="-342900" algn="l">
              <a:buFontTx/>
              <a:buChar char="-"/>
            </a:pPr>
            <a:r>
              <a:rPr lang="da-DK" sz="2000" dirty="0"/>
              <a:t>DKR for </a:t>
            </a:r>
            <a:r>
              <a:rPr lang="da-DK" sz="2000" dirty="0" err="1"/>
              <a:t>knæalloplastik</a:t>
            </a:r>
            <a:endParaRPr lang="da-DK" sz="2000" dirty="0"/>
          </a:p>
          <a:p>
            <a:pPr marL="342900" indent="-342900" algn="l">
              <a:buFontTx/>
              <a:buChar char="-"/>
            </a:pPr>
            <a:r>
              <a:rPr lang="da-DK" sz="2000" dirty="0"/>
              <a:t>DSR for </a:t>
            </a:r>
            <a:r>
              <a:rPr lang="da-DK" sz="2000" dirty="0" err="1"/>
              <a:t>skulderalloplastik</a:t>
            </a:r>
            <a:endParaRPr lang="da-DK" sz="2000" dirty="0"/>
          </a:p>
          <a:p>
            <a:pPr marL="342900" indent="-342900" algn="l">
              <a:buFontTx/>
              <a:buChar char="-"/>
            </a:pPr>
            <a:r>
              <a:rPr lang="da-DK" sz="2000" dirty="0"/>
              <a:t>DKRR for korsbånd</a:t>
            </a:r>
          </a:p>
          <a:p>
            <a:pPr marL="342900" indent="-342900" algn="l">
              <a:buFontTx/>
              <a:buChar char="-"/>
            </a:pPr>
            <a:r>
              <a:rPr lang="da-DK" sz="2000" dirty="0"/>
              <a:t>DSD sarkomer</a:t>
            </a:r>
          </a:p>
          <a:p>
            <a:pPr marL="342900" indent="-342900" algn="l">
              <a:buFontTx/>
              <a:buChar char="-"/>
            </a:pPr>
            <a:r>
              <a:rPr lang="da-DK" sz="2000" dirty="0" err="1"/>
              <a:t>DRhoftebrud</a:t>
            </a:r>
            <a:endParaRPr lang="da-DK" sz="2000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5986138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1A23C1F-37B2-49DE-88F8-34A7DECBC7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788" y="79903"/>
            <a:ext cx="7092000" cy="1161947"/>
          </a:xfrm>
        </p:spPr>
        <p:txBody>
          <a:bodyPr/>
          <a:lstStyle/>
          <a:p>
            <a:r>
              <a:rPr lang="da-DK" dirty="0"/>
              <a:t>Udvalgte indsats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0CA17B3-A2FF-4681-8BC9-67A85087E224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5A8B5B08-5A29-40A0-A7A8-3B8EA6DBFC1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l" defTabSz="914400" rtl="0" eaLnBrk="1" latinLnBrk="0" hangingPunct="1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337E6529-E9F9-4C7F-A048-BC008D3BB30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459788" y="6288074"/>
            <a:ext cx="684211" cy="144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ctr" defTabSz="914400" rtl="0" eaLnBrk="1" latinLnBrk="0" hangingPunct="1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0DAB5548-7253-48D6-B95B-F3D312A72220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889FF1CA-AA86-4675-B931-D78EDDD7305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56121" t="59310" r="9612" b="11724"/>
          <a:stretch/>
        </p:blipFill>
        <p:spPr>
          <a:xfrm>
            <a:off x="9552383" y="79904"/>
            <a:ext cx="2515353" cy="1195980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DD98B4E5-624D-4E6D-A1BD-529BF1987BE0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9728" t="21365" r="12248" b="27815"/>
          <a:stretch/>
        </p:blipFill>
        <p:spPr>
          <a:xfrm>
            <a:off x="1367788" y="1556792"/>
            <a:ext cx="7436316" cy="2724463"/>
          </a:xfrm>
          <a:prstGeom prst="rect">
            <a:avLst/>
          </a:prstGeom>
          <a:ln>
            <a:solidFill>
              <a:schemeClr val="tx1"/>
            </a:solidFill>
          </a:ln>
        </p:spPr>
      </p:pic>
    </p:spTree>
    <p:extLst>
      <p:ext uri="{BB962C8B-B14F-4D97-AF65-F5344CB8AC3E}">
        <p14:creationId xmlns:p14="http://schemas.microsoft.com/office/powerpoint/2010/main" val="162378496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1A23C1F-37B2-49DE-88F8-34A7DECBC7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788" y="79903"/>
            <a:ext cx="7092000" cy="1161947"/>
          </a:xfrm>
        </p:spPr>
        <p:txBody>
          <a:bodyPr/>
          <a:lstStyle/>
          <a:p>
            <a:r>
              <a:rPr lang="da-DK" dirty="0"/>
              <a:t>Udvalgte indsats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0CA17B3-A2FF-4681-8BC9-67A85087E224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5A8B5B08-5A29-40A0-A7A8-3B8EA6DBFC1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l" defTabSz="914400" rtl="0" eaLnBrk="1" latinLnBrk="0" hangingPunct="1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337E6529-E9F9-4C7F-A048-BC008D3BB30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459788" y="6288074"/>
            <a:ext cx="684211" cy="144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ctr" defTabSz="914400" rtl="0" eaLnBrk="1" latinLnBrk="0" hangingPunct="1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0DAB5548-7253-48D6-B95B-F3D312A72220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889FF1CA-AA86-4675-B931-D78EDDD7305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56121" t="59310" r="9612" b="11724"/>
          <a:stretch/>
        </p:blipFill>
        <p:spPr>
          <a:xfrm>
            <a:off x="9552384" y="79904"/>
            <a:ext cx="2515353" cy="1195980"/>
          </a:xfrm>
          <a:prstGeom prst="rect">
            <a:avLst/>
          </a:prstGeom>
        </p:spPr>
      </p:pic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D4F94B18-44D4-40C1-8C47-7F53F8E91447}"/>
              </a:ext>
            </a:extLst>
          </p:cNvPr>
          <p:cNvSpPr txBox="1">
            <a:spLocks/>
          </p:cNvSpPr>
          <p:nvPr/>
        </p:nvSpPr>
        <p:spPr>
          <a:xfrm>
            <a:off x="1365577" y="4436495"/>
            <a:ext cx="5780776" cy="1624331"/>
          </a:xfrm>
          <a:prstGeom prst="rect">
            <a:avLst/>
          </a:prstGeom>
          <a:ln w="50800">
            <a:solidFill>
              <a:srgbClr val="FF000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lIns="91440" tIns="144000" rIns="91440" bIns="45720" rtlCol="0">
            <a:normAutofit fontScale="92500" lnSpcReduction="20000"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>
              <a:lnSpc>
                <a:spcPct val="100000"/>
              </a:lnSpc>
              <a:spcBef>
                <a:spcPts val="1200"/>
              </a:spcBef>
            </a:pPr>
            <a:r>
              <a:rPr lang="da-DK" sz="2000" b="1" dirty="0"/>
              <a:t>Hvorfor vigtige? </a:t>
            </a:r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r>
              <a:rPr lang="da-DK" sz="2000" dirty="0"/>
              <a:t>- Hovedindikatorer for kvaliteten</a:t>
            </a:r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r>
              <a:rPr lang="da-DK" sz="2000" dirty="0"/>
              <a:t>- Sikrer 30 dages overlevelsen for patienter</a:t>
            </a:r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r>
              <a:rPr lang="da-DK" sz="2000" dirty="0"/>
              <a:t>- Nu ikke ses af, men konfereres med speciallægen </a:t>
            </a:r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endParaRPr lang="da-DK" sz="2000" dirty="0"/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endParaRPr lang="da-DK" sz="2000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DD98B4E5-624D-4E6D-A1BD-529BF1987BE0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alphaModFix amt="50000"/>
          </a:blip>
          <a:srcRect l="9728" t="21365" r="12248" b="27815"/>
          <a:stretch/>
        </p:blipFill>
        <p:spPr>
          <a:xfrm>
            <a:off x="1365577" y="1484784"/>
            <a:ext cx="7436316" cy="2724463"/>
          </a:xfrm>
          <a:prstGeom prst="rect">
            <a:avLst/>
          </a:prstGeom>
          <a:ln>
            <a:solidFill>
              <a:schemeClr val="tx1"/>
            </a:solidFill>
          </a:ln>
        </p:spPr>
      </p:pic>
    </p:spTree>
    <p:extLst>
      <p:ext uri="{BB962C8B-B14F-4D97-AF65-F5344CB8AC3E}">
        <p14:creationId xmlns:p14="http://schemas.microsoft.com/office/powerpoint/2010/main" val="245407444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1A23C1F-37B2-49DE-88F8-34A7DECBC7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788" y="79903"/>
            <a:ext cx="7092000" cy="1161947"/>
          </a:xfrm>
        </p:spPr>
        <p:txBody>
          <a:bodyPr/>
          <a:lstStyle/>
          <a:p>
            <a:r>
              <a:rPr lang="da-DK" dirty="0"/>
              <a:t>Udvalgte indsats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0CA17B3-A2FF-4681-8BC9-67A85087E224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5A8B5B08-5A29-40A0-A7A8-3B8EA6DBFC1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l" defTabSz="914400" rtl="0" eaLnBrk="1" latinLnBrk="0" hangingPunct="1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337E6529-E9F9-4C7F-A048-BC008D3BB30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459788" y="6288074"/>
            <a:ext cx="684211" cy="144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ctr" defTabSz="914400" rtl="0" eaLnBrk="1" latinLnBrk="0" hangingPunct="1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0DAB5548-7253-48D6-B95B-F3D312A72220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889FF1CA-AA86-4675-B931-D78EDDD7305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56121" t="59310" r="9612" b="11724"/>
          <a:stretch/>
        </p:blipFill>
        <p:spPr>
          <a:xfrm>
            <a:off x="9591869" y="79903"/>
            <a:ext cx="2475867" cy="1177205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DD98B4E5-624D-4E6D-A1BD-529BF1987BE0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alphaModFix amt="50000"/>
          </a:blip>
          <a:srcRect l="9728" t="21365" r="12248" b="27815"/>
          <a:stretch/>
        </p:blipFill>
        <p:spPr>
          <a:xfrm>
            <a:off x="1365577" y="1484784"/>
            <a:ext cx="7436316" cy="2724463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1" name="Pladsholder til indhold 2">
            <a:extLst>
              <a:ext uri="{FF2B5EF4-FFF2-40B4-BE49-F238E27FC236}">
                <a16:creationId xmlns:a16="http://schemas.microsoft.com/office/drawing/2014/main" id="{ABD86272-227A-4E46-81C0-C25A4F3F6E36}"/>
              </a:ext>
            </a:extLst>
          </p:cNvPr>
          <p:cNvSpPr txBox="1">
            <a:spLocks/>
          </p:cNvSpPr>
          <p:nvPr/>
        </p:nvSpPr>
        <p:spPr>
          <a:xfrm>
            <a:off x="6426214" y="1333557"/>
            <a:ext cx="2737734" cy="406085"/>
          </a:xfrm>
          <a:prstGeom prst="rect">
            <a:avLst/>
          </a:prstGeom>
          <a:ln w="50800">
            <a:solidFill>
              <a:srgbClr val="FF000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vert="horz" lIns="91440" tIns="144000" rIns="91440" bIns="45720" rtlCol="0">
            <a:normAutofit fontScale="92500" lnSpcReduction="20000"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>
              <a:lnSpc>
                <a:spcPct val="100000"/>
              </a:lnSpc>
              <a:spcBef>
                <a:spcPts val="1200"/>
              </a:spcBef>
            </a:pPr>
            <a:r>
              <a:rPr lang="da-DK" sz="1800" b="1" dirty="0"/>
              <a:t>1. Speciallæge &lt; 4 timer</a:t>
            </a:r>
            <a:endParaRPr lang="da-DK" sz="1800" dirty="0"/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endParaRPr lang="da-DK" sz="1800" dirty="0"/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C5F60EA4-92B7-42FB-A666-E6759086C551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28286" t="18755" r="47995" b="20546"/>
          <a:stretch/>
        </p:blipFill>
        <p:spPr>
          <a:xfrm>
            <a:off x="9305838" y="1780324"/>
            <a:ext cx="2617743" cy="3855963"/>
          </a:xfrm>
          <a:prstGeom prst="rect">
            <a:avLst/>
          </a:prstGeom>
          <a:ln w="50800">
            <a:solidFill>
              <a:srgbClr val="FF0000"/>
            </a:solidFill>
          </a:ln>
        </p:spPr>
      </p:pic>
      <p:sp>
        <p:nvSpPr>
          <p:cNvPr id="13" name="Pladsholder til indhold 2">
            <a:extLst>
              <a:ext uri="{FF2B5EF4-FFF2-40B4-BE49-F238E27FC236}">
                <a16:creationId xmlns:a16="http://schemas.microsoft.com/office/drawing/2014/main" id="{8C3AD5B1-D5A9-4ABE-A4D2-F86B92862710}"/>
              </a:ext>
            </a:extLst>
          </p:cNvPr>
          <p:cNvSpPr txBox="1">
            <a:spLocks/>
          </p:cNvSpPr>
          <p:nvPr/>
        </p:nvSpPr>
        <p:spPr>
          <a:xfrm>
            <a:off x="9275317" y="1333557"/>
            <a:ext cx="2678786" cy="446767"/>
          </a:xfrm>
          <a:prstGeom prst="rect">
            <a:avLst/>
          </a:prstGeom>
          <a:solidFill>
            <a:schemeClr val="bg1"/>
          </a:solidFill>
          <a:ln w="50800">
            <a:solidFill>
              <a:srgbClr val="FF0000"/>
            </a:solidFill>
          </a:ln>
        </p:spPr>
        <p:txBody>
          <a:bodyPr vert="horz" lIns="91440" tIns="144000" rIns="91440" bIns="45720" rtlCol="0">
            <a:normAutofit fontScale="92500" lnSpcReduction="10000"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>
              <a:lnSpc>
                <a:spcPct val="100000"/>
              </a:lnSpc>
              <a:spcBef>
                <a:spcPts val="1200"/>
              </a:spcBef>
            </a:pPr>
            <a:r>
              <a:rPr lang="da-DK" sz="1800" b="1" dirty="0"/>
              <a:t>2. Operation &lt; 24 timer</a:t>
            </a:r>
            <a:endParaRPr lang="da-DK" sz="1800" dirty="0"/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endParaRPr lang="da-DK" sz="1800" dirty="0"/>
          </a:p>
        </p:txBody>
      </p:sp>
      <p:pic>
        <p:nvPicPr>
          <p:cNvPr id="14" name="Billede 13" descr="Et billede, der indeholder tekst&#10;&#10;Automatisk genereret beskrivelse">
            <a:extLst>
              <a:ext uri="{FF2B5EF4-FFF2-40B4-BE49-F238E27FC236}">
                <a16:creationId xmlns:a16="http://schemas.microsoft.com/office/drawing/2014/main" id="{8568E0D8-2B63-4000-8030-740A74CBFCAD}"/>
              </a:ext>
            </a:extLst>
          </p:cNvPr>
          <p:cNvPicPr>
            <a:picLocks noChangeAspect="1"/>
          </p:cNvPicPr>
          <p:nvPr/>
        </p:nvPicPr>
        <p:blipFill>
          <a:blip r:embed="rId5">
            <a:alphaModFix amt="5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1464" y="4360474"/>
            <a:ext cx="5877053" cy="1676545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14C36864-0BF2-4D26-BADE-1EB43D8FE124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29692" t="14065" r="41130" b="12877"/>
          <a:stretch/>
        </p:blipFill>
        <p:spPr>
          <a:xfrm>
            <a:off x="6455688" y="1780325"/>
            <a:ext cx="2678786" cy="3855962"/>
          </a:xfrm>
          <a:prstGeom prst="rect">
            <a:avLst/>
          </a:prstGeom>
          <a:ln w="50800">
            <a:solidFill>
              <a:srgbClr val="FF0000"/>
            </a:solidFill>
          </a:ln>
        </p:spPr>
      </p:pic>
    </p:spTree>
    <p:extLst>
      <p:ext uri="{BB962C8B-B14F-4D97-AF65-F5344CB8AC3E}">
        <p14:creationId xmlns:p14="http://schemas.microsoft.com/office/powerpoint/2010/main" val="349701208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1A23C1F-37B2-49DE-88F8-34A7DECBC7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788" y="79903"/>
            <a:ext cx="7092000" cy="1161947"/>
          </a:xfrm>
        </p:spPr>
        <p:txBody>
          <a:bodyPr/>
          <a:lstStyle/>
          <a:p>
            <a:r>
              <a:rPr lang="da-DK" dirty="0"/>
              <a:t>Udvalgte indsats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0CA17B3-A2FF-4681-8BC9-67A85087E224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5A8B5B08-5A29-40A0-A7A8-3B8EA6DBFC1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l" defTabSz="914400" rtl="0" eaLnBrk="1" latinLnBrk="0" hangingPunct="1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337E6529-E9F9-4C7F-A048-BC008D3BB30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459788" y="6288074"/>
            <a:ext cx="684211" cy="144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ctr" defTabSz="914400" rtl="0" eaLnBrk="1" latinLnBrk="0" hangingPunct="1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0DAB5548-7253-48D6-B95B-F3D312A72220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889FF1CA-AA86-4675-B931-D78EDDD7305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56121" t="59310" r="9612" b="11724"/>
          <a:stretch/>
        </p:blipFill>
        <p:spPr>
          <a:xfrm>
            <a:off x="9591869" y="79903"/>
            <a:ext cx="2475867" cy="1177205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DD98B4E5-624D-4E6D-A1BD-529BF1987BE0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alphaModFix amt="50000"/>
          </a:blip>
          <a:srcRect l="9728" t="21365" r="36865" b="27815"/>
          <a:stretch/>
        </p:blipFill>
        <p:spPr>
          <a:xfrm>
            <a:off x="1365577" y="1484784"/>
            <a:ext cx="5090111" cy="2724463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C5F60EA4-92B7-42FB-A666-E6759086C551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alphaModFix amt="35000"/>
          </a:blip>
          <a:srcRect l="28286" t="18755" r="47995" b="20546"/>
          <a:stretch/>
        </p:blipFill>
        <p:spPr>
          <a:xfrm>
            <a:off x="9270465" y="1789828"/>
            <a:ext cx="2617743" cy="3855963"/>
          </a:xfrm>
          <a:prstGeom prst="rect">
            <a:avLst/>
          </a:prstGeom>
          <a:ln w="3175">
            <a:solidFill>
              <a:schemeClr val="tx1"/>
            </a:solidFill>
          </a:ln>
        </p:spPr>
      </p:pic>
      <p:pic>
        <p:nvPicPr>
          <p:cNvPr id="14" name="Billede 13" descr="Et billede, der indeholder tekst&#10;&#10;Automatisk genereret beskrivelse">
            <a:extLst>
              <a:ext uri="{FF2B5EF4-FFF2-40B4-BE49-F238E27FC236}">
                <a16:creationId xmlns:a16="http://schemas.microsoft.com/office/drawing/2014/main" id="{8568E0D8-2B63-4000-8030-740A74CBFCAD}"/>
              </a:ext>
            </a:extLst>
          </p:cNvPr>
          <p:cNvPicPr>
            <a:picLocks noChangeAspect="1"/>
          </p:cNvPicPr>
          <p:nvPr/>
        </p:nvPicPr>
        <p:blipFill>
          <a:blip r:embed="rId5">
            <a:alphaModFix amt="5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1464" y="4360474"/>
            <a:ext cx="5877053" cy="1676545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14C36864-0BF2-4D26-BADE-1EB43D8FE124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alphaModFix amt="35000"/>
          </a:blip>
          <a:srcRect l="29692" t="14065" r="41130" b="12877"/>
          <a:stretch/>
        </p:blipFill>
        <p:spPr>
          <a:xfrm>
            <a:off x="6486209" y="1789828"/>
            <a:ext cx="2678786" cy="3855962"/>
          </a:xfrm>
          <a:prstGeom prst="rect">
            <a:avLst/>
          </a:prstGeom>
          <a:ln w="3175">
            <a:solidFill>
              <a:schemeClr val="tx1"/>
            </a:solidFill>
          </a:ln>
        </p:spPr>
      </p:pic>
      <p:pic>
        <p:nvPicPr>
          <p:cNvPr id="9" name="Billede 8" descr="Et billede, der indeholder tekst&#10;&#10;Automatisk genereret beskrivelse">
            <a:extLst>
              <a:ext uri="{FF2B5EF4-FFF2-40B4-BE49-F238E27FC236}">
                <a16:creationId xmlns:a16="http://schemas.microsoft.com/office/drawing/2014/main" id="{B9142281-D8B7-4D23-A1F2-04910085274A}"/>
              </a:ext>
            </a:extLst>
          </p:cNvPr>
          <p:cNvPicPr>
            <a:picLocks noChangeAspect="1"/>
          </p:cNvPicPr>
          <p:nvPr/>
        </p:nvPicPr>
        <p:blipFill>
          <a:blip r:embed="rId7">
            <a:alphaModFix amt="35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33856" y="1393077"/>
            <a:ext cx="2731139" cy="472123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C83F9651-DFFE-43E3-9FE3-3AE5C4AD6741}"/>
              </a:ext>
            </a:extLst>
          </p:cNvPr>
          <p:cNvPicPr>
            <a:picLocks noChangeAspect="1"/>
          </p:cNvPicPr>
          <p:nvPr/>
        </p:nvPicPr>
        <p:blipFill>
          <a:blip r:embed="rId8">
            <a:alphaModFix amt="5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04002" y="1385252"/>
            <a:ext cx="2684206" cy="498410"/>
          </a:xfrm>
          <a:prstGeom prst="rect">
            <a:avLst/>
          </a:prstGeom>
        </p:spPr>
      </p:pic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AE51C36F-679F-4A29-BE7C-1F1F1F1F628E}"/>
              </a:ext>
            </a:extLst>
          </p:cNvPr>
          <p:cNvSpPr txBox="1">
            <a:spLocks/>
          </p:cNvSpPr>
          <p:nvPr/>
        </p:nvSpPr>
        <p:spPr>
          <a:xfrm>
            <a:off x="1271464" y="4000500"/>
            <a:ext cx="5877052" cy="2036519"/>
          </a:xfrm>
          <a:prstGeom prst="rect">
            <a:avLst/>
          </a:prstGeom>
          <a:solidFill>
            <a:schemeClr val="bg1"/>
          </a:solidFill>
          <a:ln w="50800">
            <a:solidFill>
              <a:srgbClr val="FF0000"/>
            </a:solidFill>
          </a:ln>
        </p:spPr>
        <p:txBody>
          <a:bodyPr vert="horz" lIns="91440" tIns="144000" rIns="91440" bIns="45720" rtlCol="0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>
              <a:lnSpc>
                <a:spcPct val="100000"/>
              </a:lnSpc>
              <a:spcBef>
                <a:spcPts val="1200"/>
              </a:spcBef>
            </a:pPr>
            <a:r>
              <a:rPr lang="da-DK" sz="2000" b="1" dirty="0"/>
              <a:t>Hvordan løftes til 90%? </a:t>
            </a:r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r>
              <a:rPr lang="da-DK" sz="2000" dirty="0"/>
              <a:t>- Hoftekald = tværfagligt samarbejde i AKM mv</a:t>
            </a:r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r>
              <a:rPr lang="da-DK" sz="2000" dirty="0"/>
              <a:t>- Reservation = prioritering på operationsgangene</a:t>
            </a:r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r>
              <a:rPr lang="da-DK" sz="2000" dirty="0"/>
              <a:t>- Akutkapacitet = optimering af operationsgangene</a:t>
            </a:r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endParaRPr lang="da-DK" sz="2000" dirty="0"/>
          </a:p>
          <a:p>
            <a:pPr algn="l">
              <a:lnSpc>
                <a:spcPct val="100000"/>
              </a:lnSpc>
              <a:spcBef>
                <a:spcPts val="1200"/>
              </a:spcBef>
            </a:pPr>
            <a:endParaRPr lang="da-DK" sz="2000" dirty="0"/>
          </a:p>
        </p:txBody>
      </p:sp>
    </p:spTree>
    <p:extLst>
      <p:ext uri="{BB962C8B-B14F-4D97-AF65-F5344CB8AC3E}">
        <p14:creationId xmlns:p14="http://schemas.microsoft.com/office/powerpoint/2010/main" val="214147245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3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19A5EA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153631342128825","enableDocumentContentUpdater":true,"version":"1.3"}]]></TemplafySlideTemplateConfiguration>
</file>

<file path=customXml/item2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153631341800875","enableDocumentContentUpdater":true,"version":"1.3"}]]></TemplafySlideTemplateConfiguration>
</file>

<file path=customXml/item4.xml><?xml version="1.0" encoding="utf-8"?>
<TemplafyTemplateConfiguration><![CDATA[{"elementsMetadata":[{"type":"shape","id":"1c23d50e-b18a-48ec-a3e9-e0fd3736355d","elementConfiguration":{"inheritDimensions":"inheritNone","width":"1.9 cm","height":"1.9 cm","disableUpdates":false,"type":"image"}},{"type":"shape","id":"59b9e7d3-eb44-45b8-b69e-f971e2cac615","elementConfiguration":{"binding":"UserProfile.Office.Virksomhed_{{DocumentLanguage}}","disableUpdates":false,"type":"text"}},{"type":"shape","id":"98b66e76-6f6f-4f39-a1e1-ff168027dfe5","elementConfiguration":{"binding":"UserProfile.CenterFreeText","visibility":{"action":"hide","binding":"UserProfile.Centers.CenterUI","operator":"notEquals","compareValue":"Intet valgt"},"disableUpdates":false,"type":"text"}},{"type":"shape","id":"5be1c1f5-1666-4bc4-a5ce-c95be8bb002c","elementConfiguration":{"binding":"UserProfile.Centers.Center_{{DocumentLanguage}}","visibility":{"action":"hide","binding":"UserProfile.Centers.CenterUI","operator":"equals","compareValue":"Intet valgt"},"disableUpdates":false,"type":"text"}},{"type":"shape","id":"d5040003-a30e-4897-b0f1-bc45854515b2","elementConfiguration":{"binding":"Form.PresentationTitle","disableUpdates":false,"type":"text"}},{"type":"shape","id":"e75a4e69-de97-4f1c-8859-a1da217cf087","elementConfiguration":{"inheritDimensions":"inheritNone","width":"1.9 cm","height":"1.9 cm","binding":"UserProfile.Office.LogoColor_DCU","disableUpdates":false,"type":"image"}},{"type":"shape","id":"4dc456e4-c8c6-4f63-b079-589a5f69256e","elementConfiguration":{"inheritDimensions":"inheritNone","width":"3.68 cm","height":"1.17 cm","binding":"UserProfile.EkstraLogo.ExtraLogoPPNEGDCU_{{DocumentLanguage}}","disableUpdates":false,"type":"image"}},{"type":"shape","id":"842888ad-423f-4fe6-a27c-820e96d1ac17","elementConfiguration":{"inheritDimensions":"inheritNone","width":"2.42 cm","height":"2.5 cm","binding":"UserProfile.EkstraLogo.ExtraLogoFive_PP_DCU_{{DocumentLanguage}}","disableUpdates":false,"type":"image"}},{"type":"shape","id":"2afb72a2-dfa4-47f9-84ed-ed5ab6c006fa","elementConfiguration":{"inheritDimensions":"inheritNone","width":"2.42 cm","height":"2.5 cm","binding":"UserProfile.EkstraLogo.ExtraLogoTwo_PP_DCU_{{DocumentLanguage}}","disableUpdates":false,"type":"image"}},{"type":"shape","id":"a7591b75-6589-48aa-afb8-00d458087027","elementConfiguration":{"binding":"UserProfile.Name","visibility":{"action":"hide","binding":"Form.Manuel_dato","operator":"notEquals","compareValue":""},"disableUpdates":false,"type":"text"}},{"type":"shape","id":"db202dd8-c16f-4f03-a763-0ae29e4b9e45","elementConfiguration":{"binding":"Form.Manuel_dato","visibility":{"action":"hide","operator":"equals","compareValue":""},"disableUpdates":false,"type":"text"}},{"type":"shape","id":"ac30cbb9-1cd4-41e8-8bc5-e77226e8396f","elementConfiguration":{"inheritDimensions":"inheritNone","width":"6.05 cm","height":"1.9 cm","binding":"UserProfile.EkstraLogo.ExtraLogoSix_PP_DCU_{{DocumentLanguage}}","disableUpdates":false,"type":"image"}},{"type":"shape","id":"d9a50e33-e9b3-44fe-9ae8-7fa24f3a4b25","elementConfiguration":{"inheritDimensions":"inheritWidth","width":"1.91 cm","binding":"UserProfile.Office.LogoH_PP_DCU","disableUpdates":false,"type":"image"}},{"type":"shape","id":"12ee9efe-4af9-4ffe-b607-18f0dc593429","elementConfiguration":{"inheritDimensions":"inheritNone","width":"3.68 cm","height":"1.17 cm","binding":"UserProfile.EkstraLogo.ExtraLogoPPDCU_{{DocumentLanguage}}","disableUpdates":false,"type":"image"}},{"type":"shape","id":"b42612dc-8fce-4284-b721-03774164ddb2","elementConfiguration":{"binding":"UserProfile.Office.Virksomhed_{{DocumentLanguage}}","disableUpdates":false,"type":"text"}},{"type":"shape","id":"93a35164-1306-4a4b-92e8-39c410d7928d","elementConfiguration":{"binding":"UserProfile.CenterFreeText","visibility":{"action":"hide","binding":"UserProfile.Centers.CenterUI","operator":"notEquals","compareValue":"Intet valgt"},"disableUpdates":false,"type":"text"}},{"type":"shape","id":"f3d645ec-d77e-49b6-bb5c-ac08f30860af","elementConfiguration":{"binding":"UserProfile.Centers.Center_{{DocumentLanguage}}","visibility":{"action":"hide","binding":"UserProfile.Centers.CenterUI","operator":"equals","compareValue":"Intet valgt"},"disableUpdates":false,"type":"text"}},{"type":"shape","id":"f0291c44-de32-4252-8db3-9b3d7e44c9c3","elementConfiguration":{"binding":"Form.PresentationTitle","disableUpdates":false,"type":"text"}},{"type":"shape","id":"841dd331-e547-4688-ac0d-00a84d041bf2","elementConfiguration":{"inheritDimensions":"inheritNone","width":"2.42 cm","height":"2.5 cm","binding":"UserProfile.EkstraLogo.ExtraLogoFive_PP_DCU_{{DocumentLanguage}}","disableUpdates":false,"type":"image"}},{"type":"shape","id":"88d39a1f-1231-45fd-9cb2-20b07c637713","elementConfiguration":{"inheritDimensions":"inheritNone","width":"2.42 cm","height":"2.5 cm","binding":"UserProfile.EkstraLogo.ExtraLogoTwo_PP_DCU_{{DocumentLanguage}}","disableUpdates":false,"type":"image"}},{"type":"shape","id":"852db14b-7e97-4acf-ae68-6d10348a1b23","elementConfiguration":{"binding":"UserProfile.Name","visibility":{"action":"hide","binding":"Form.Manuel_dato","operator":"notEquals","compareValue":""},"disableUpdates":false,"type":"text"}},{"type":"shape","id":"34b80d51-268d-47e7-8794-0d68c07b36a7","elementConfiguration":{"binding":"Form.Manuel_dato","visibility":{"action":"hide","operator":"equals","compareValue":""},"disableUpdates":false,"type":"text"}},{"type":"shape","id":"a36a5f67-42ea-4ddb-ad58-0dc5a8794f33","elementConfiguration":{"inheritDimensions":"inheritNone","width":"1.9 cm","height":"19.05 cm","binding":"UserProfile.Office.LogoColor_DCU","disableUpdates":false,"type":"image"}},{"type":"shape","id":"880d74c1-26de-4407-953f-d5df1dd36bbe","elementConfiguration":{"inheritDimensions":"inheritNone","width":"6.05 cm","height":"1.9 cm","binding":"UserProfile.EkstraLogo.ExtraLogoSix_PP_DCU_{{DocumentLanguage}}","disableUpdates":false,"type":"image"}},{"type":"shape","id":"4220aff4-ef7e-45b4-848d-2f672c745ef1","elementConfiguration":{"inheritDimensions":"inheritWidth","width":"1.91 cm","binding":"UserProfile.Office.LogoH_PP_DCU","disableUpdates":false,"type":"image"}},{"type":"shape","id":"789565f5-5edb-400f-b680-848b3e1bf78a","elementConfiguration":{"binding":"UserProfile.Office.Virksomhed_{{DocumentLanguage}}","disableUpdates":false,"type":"text"}},{"type":"shape","id":"45231809-bd79-45c1-91c0-014404d0b0ff","elementConfiguration":{"binding":"UserProfile.CenterFreeText","visibility":{"action":"hide","binding":"UserProfile.Centers.CenterUI","operator":"notEquals","compareValue":"Intet valgt"},"disableUpdates":false,"type":"text"}},{"type":"shape","id":"3e26bc0c-0ef3-4669-b003-ed14a60e756a","elementConfiguration":{"binding":"UserProfile.Centers.Center_{{DocumentLanguage}}","visibility":{"action":"hide","binding":"UserProfile.Centers.CenterUI","operator":"equals","compareValue":"Intet valgt"},"disableUpdates":false,"type":"text"}},{"type":"shape","id":"9104bd0b-aa8f-4e60-ac27-21673fd3f69b","elementConfiguration":{"binding":"Form.PresentationTitle","disableUpdates":false,"type":"text"}},{"type":"shape","id":"07448163-9b23-40be-aa85-45726ca206d8","elementConfiguration":{"inheritDimensions":"inheritNone","width":"1.9 cm","height":"1.9 cm","binding":"UserProfile.Office.LogoColor_DCU","disableUpdates":false,"type":"image"}},{"type":"shape","id":"4200356f-45fe-49a1-bdb7-60c9b75b15c2","elementConfiguration":{"inheritDimensions":"inheritNone","width":"3.68 cm","height":"1.17 cm","binding":"UserProfile.EkstraLogo.ExtraLogoPPNEGDCU_{{DocumentLanguage}}","disableUpdates":false,"type":"image"}},{"type":"shape","id":"a55943af-e79c-49f8-9aa6-4f787ca8011f","elementConfiguration":{"inheritDimensions":"inheritNone","width":"2.42 cm","height":"2.5 cm","binding":"UserProfile.EkstraLogo.ExtraLogoFive_PP_DCU_{{DocumentLanguage}}","disableUpdates":false,"type":"image"}},{"type":"shape","id":"a9a8efbd-5d17-45e6-9b38-4740809fc6a9","elementConfiguration":{"inheritDimensions":"inheritNone","width":"2.42 cm","height":"2.5 cm","binding":"UserProfile.EkstraLogo.ExtraLogoTwo_PP_DCU_{{DocumentLanguage}}","disableUpdates":false,"type":"image"}},{"type":"shape","id":"d4396e55-3b31-4d41-ad34-a1d80e70cc3f","elementConfiguration":{"binding":"UserProfile.Name","visibility":{"action":"hide","binding":"Form.Manuel_dato","operator":"notEquals","compareValue":""},"disableUpdates":false,"type":"text"}},{"type":"shape","id":"0d00999f-07d0-4721-abfb-181bb99058e9","elementConfiguration":{"binding":"Form.Manuel_dato","visibility":{"action":"hide","operator":"equals","compareValue":""},"disableUpdates":false,"type":"text"}},{"type":"shape","id":"646b4a61-1ce3-4013-8f31-18824cdd266d","elementConfiguration":{"inheritDimensions":"inheritNone","width":"6.05 cm","height":"1.9 cm","binding":"UserProfile.EkstraLogo.ExtraLogoSix_PP_DCU_{{DocumentLanguage}}","disableUpdates":false,"type":"image"}},{"type":"shape","id":"f23a8070-3eb4-4c1a-a40f-90ad286f008f","elementConfiguration":{"inheritDimensions":"inheritWidth","width":"1.91 cm","binding":"UserProfile.Office.LogoH_PP_DCU","disableUpdates":false,"type":"image"}},{"type":"shape","id":"b2094ce6-df7d-4caa-a533-a2cec610a115","elementConfiguration":{"binding":"UserProfile.Office.Virksomhed_{{DocumentLanguage}}","disableUpdates":false,"type":"text"}},{"type":"shape","id":"14458743-9d98-4a9b-95fb-3246db49c368","elementConfiguration":{"binding":"UserProfile.CenterFreeText","visibility":{"action":"hide","binding":"UserProfile.Centers.CenterUI","operator":"notEquals","compareValue":"Intet valgt"},"disableUpdates":false,"type":"text"}},{"type":"shape","id":"e1f47141-658e-4feb-926d-cc8743def5d4","elementConfiguration":{"binding":"UserProfile.Centers.Center_{{DocumentLanguage}}","visibility":{"action":"hide","binding":"UserProfile.Centers.CenterUI","operator":"equals","compareValue":"Intet valgt"},"disableUpdates":false,"type":"text"}},{"type":"shape","id":"1929a3e0-b6f3-49fb-aa37-3bba4e611a95","elementConfiguration":{"binding":"Form.PresentationTitle","disableUpdates":false,"type":"text"}},{"type":"shape","id":"e81fe0c5-52ec-45f9-966f-ec85cc8d7604","elementConfiguration":{"inheritDimensions":"inheritNone","width":"1.9 cm","height":"1.9 cm","binding":"UserProfile.Office.LogoColor_DCU","disableUpdates":false,"type":"image"}},{"type":"shape","id":"7fa36d04-4223-4e85-81d8-21530968910a","elementConfiguration":{"inheritDimensions":"inheritNone","width":"3.68 cm","height":"1.17 cm","binding":"UserProfile.EkstraLogo.ExtraLogoPPNEGDCU_{{DocumentLanguage}}","disableUpdates":false,"type":"image"}},{"type":"shape","id":"fd376111-b3bd-4512-b18d-8d9ad767c9e1","elementConfiguration":{"inheritDimensions":"inheritNone","width":"2.42 cm","height":"2.5 cm","binding":"UserProfile.EkstraLogo.ExtraLogoFive_PP_DCU_{{DocumentLanguage}}","disableUpdates":false,"type":"image"}},{"type":"shape","id":"77152d33-f4c2-42a8-83b7-b504c963aef2","elementConfiguration":{"inheritDimensions":"inheritNone","width":"2.42 cm","height":"2.5 cm","binding":"UserProfile.EkstraLogo.ExtraLogoTwo_PP_DCU_{{DocumentLanguage}}","disableUpdates":false,"type":"image"}},{"type":"shape","id":"70a523f5-3363-4336-8fa1-5b84d8ea1798","elementConfiguration":{"binding":"UserProfile.Name","visibility":{"action":"hide","binding":"Form.Manuel_dato","operator":"notEquals","compareValue":""},"disableUpdates":false,"type":"text"}},{"type":"shape","id":"838d3c06-fe26-414d-a42f-207060606c84","elementConfiguration":{"binding":"Form.Manuel_dato","visibility":{"action":"hide","operator":"equals","compareValue":""},"disableUpdates":false,"type":"text"}},{"type":"shape","id":"583a89a9-00d3-4b39-b918-9f773bc655a7","elementConfiguration":{"inheritDimensions":"inheritNone","width":"6.05 cm","height":"1.9 cm","binding":"UserProfile.EkstraLogo.ExtraLogoSix_PP_DCU_{{DocumentLanguage}}","disableUpdates":false,"type":"image"}},{"type":"shape","id":"97dc7990-7d0c-4abc-af66-e820625d0696","elementConfiguration":{"inheritDimensions":"inheritWidth","width":"1.91 cm","binding":"UserProfile.Office.LogoH_PP_DCU","disableUpdates":false,"type":"image"}},{"type":"shape","id":"f8a0c577-3d4a-4b06-aeab-4c079ad81a97","elementConfiguration":{"inheritDimensions":"inheritNone","width":"33.89 cm","height":"19.07 cm","binding":"UserProfile.Centers.VaelgKorrektSkabelon169DCU","disableUpdates":false,"type":"image"}},{"type":"shape","id":"a7460aca-7747-4f8e-a309-ebf7abc10eb2","elementConfiguration":{"inheritDimensions":"inheritNone","width":"33.89 cm","height":"19.07 cm","binding":"UserProfile.Centers.VaelgKorrektSkabelon169DCU","disableUpdates":false,"type":"image"}},{"type":"shape","id":"0460795e-889c-4242-a5bc-e14fc3dd4706","elementConfiguration":{"binding":"Form.PresentationTitle","disableUpdates":false,"type":"text"}},{"type":"shape","id":"f421b9fe-56c1-4d41-a9a0-ec9869ea6a35","elementConfiguration":{"binding":"UserProfile.Name","visibility":{"action":"hide","binding":"Form.Manuel_dato","operator":"notEquals","compareValue":""},"disableUpdates":false,"type":"text"}},{"type":"shape","id":"4c0faf22-74ad-4197-9011-38374d55fcf4","elementConfiguration":{"inheritDimensions":"inheritNone","width":"3.68 cm","height":"1.17 cm","binding":"UserProfile.EkstraLogo.ExtraLogoPPNEGDCU_{{DocumentLanguage}}","disableUpdates":false,"type":"image"}},{"type":"shape","id":"6f9dabb7-7421-49c8-bfaa-f8ec04146f8c","elementConfiguration":{"inheritDimensions":"inheritNone","width":"2.42 cm","height":"2.5 cm","binding":"UserProfile.EkstraLogo.ExtraLogoFive_PP_DCU_{{DocumentLanguage}}","disableUpdates":false,"type":"image"}},{"type":"shape","id":"96322406-39f2-439e-a281-0afcebc157ae","elementConfiguration":{"inheritDimensions":"inheritNone","width":"2.42 cm","height":"2.5 cm","binding":"UserProfile.EkstraLogo.ExtraLogoTwo_PP_DCU_{{DocumentLanguage}}","disableUpdates":false,"type":"image"}},{"type":"shape","id":"40181e27-18d6-454b-8045-d54c9aee565b","elementConfiguration":{"binding":"UserProfile.Office.Virksomhed_{{DocumentLanguage}}","disableUpdates":false,"type":"text"}},{"type":"shape","id":"bc87c293-bbc5-4f5a-b495-db365af20d35","elementConfiguration":{"binding":"UserProfile.CenterFreeText","visibility":{"action":"hide","binding":"UserProfile.Centers.CenterUI","operator":"notEquals","compareValue":"Intet valgt"},"disableUpdates":false,"type":"text"}},{"type":"shape","id":"6e1d708d-f60c-4fed-8915-a0b44af609a0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ba91d646-5132-460c-89e6-50245cc815fe","elementConfiguration":{"binding":"Form.Manuel_dato","visibility":{"action":"hide","operator":"equals","compareValue":""},"disableUpdates":false,"type":"text"}},{"type":"shape","id":"a3b5d485-e993-48f0-b04e-54bcb3b4aa0a","elementConfiguration":{"inheritDimensions":"inheritNone","width":"1.9 cm","height":"19.05 cm","binding":"UserProfile.Office.LogoColor_DCU","disableUpdates":false,"type":"image"}},{"type":"shape","id":"cb5cc4c7-990d-4587-91ca-e19ab147cb2e","elementConfiguration":{"inheritDimensions":"inheritNone","width":"6.05 cm","height":"1.9 cm","binding":"UserProfile.EkstraLogo.ExtraLogoSix_PP_DCU_{{DocumentLanguage}}","disableUpdates":false,"type":"image"}},{"type":"shape","id":"9bea6766-ad67-4745-a8c8-df98854699a5","elementConfiguration":{"inheritDimensions":"inheritWidth","width":"1.91 cm","binding":"UserProfile.Office.LogoH_PP_DCU","disableUpdates":false,"type":"image"}},{"type":"shape","id":"05260bc9-395f-4861-abcf-f56f00a20241","elementConfiguration":{"inheritDimensions":"inheritNone","width":"1.9 cm","height":"19.05 cm","binding":"UserProfile.Office.LogoColor_DCU","disableUpdates":false,"type":"image"}},{"type":"shape","id":"03c63f3d-3927-4355-b9d9-026267866f5c","elementConfiguration":{"inheritDimensions":"inheritNone","width":"3.68 cm","height":"1.17 cm","binding":"UserProfile.EkstraLogo.ExtraLogoPPNEGDCU_{{DocumentLanguage}}","disableUpdates":false,"type":"image"}},{"type":"shape","id":"03b68409-5014-4efe-a282-ff13aa22f405","elementConfiguration":{"binding":"UserProfile.Office.Virksomhed_{{DocumentLanguage}}","disableUpdates":false,"type":"text"}},{"type":"shape","id":"25266656-86ff-49d5-84a0-78a9fe64cf55","elementConfiguration":{"binding":"UserProfile.CenterFreeText","visibility":{"action":"hide","binding":"UserProfile.Centers.CenterUI","operator":"notEquals","compareValue":"Intet valgt","compareValues":[""]},"disableUpdates":false,"type":"text"}},{"type":"shape","id":"6f657f48-8e23-48d5-91c4-545f4e1b3c8e","elementConfiguration":{"binding":"UserProfile.Centers.Center_{{DocumentLanguage}}","visibility":{"action":"hide","binding":"UserProfile.Centers.CenterUI","operator":"equals","compareValue":"Intet valgt"},"disableUpdates":false,"type":"text"}},{"type":"shape","id":"b2768b8b-eeaf-45cb-ab77-c45b11bafc29","elementConfiguration":{"binding":"Form.PresentationTitle","disableUpdates":false,"type":"text"}},{"type":"shape","id":"4e3a529b-8d93-4a61-9137-b41ef0491b90","elementConfiguration":{"inheritDimensions":"inheritNone","width":"2.42 cm","height":"2.5 cm","binding":"UserProfile.EkstraLogo.ExtraLogoFive_PP_DCU_{{DocumentLanguage}}","disableUpdates":false,"type":"image"}},{"type":"shape","id":"56f93d80-f955-4555-9d51-b18d141e0735","elementConfiguration":{"inheritDimensions":"inheritNone","width":"2.42 cm","height":"2.5 cm","binding":"UserProfile.EkstraLogo.ExtraLogoTwo_PP_DCU_{{DocumentLanguage}}","disableUpdates":false,"type":"image"}},{"type":"shape","id":"cd32abab-7102-4370-9e5c-52530c5859e6","elementConfiguration":{"binding":"UserProfile.Name","visibility":{"action":"hide","binding":"Form.Manuel_dato","operator":"notEquals","compareValue":""},"disableUpdates":false,"type":"text"}},{"type":"shape","id":"3a597708-8a78-49e6-ad09-d03dbf59875e","elementConfiguration":{"binding":"Form.Manuel_dato","visibility":{"action":"hide","operator":"equals","compareValue":""},"disableUpdates":false,"type":"text"}},{"type":"shape","id":"ae68a152-4c9b-49e9-b1d1-01628f2d77e5","elementConfiguration":{"inheritDimensions":"inheritNone","width":"6.05 cm","height":"1.9 cm","binding":"UserProfile.EkstraLogo.ExtraLogoSixNEG_PP_DCU_{{DocumentLanguage}}","disableUpdates":false,"type":"image"}},{"type":"shape","id":"6b6d76a9-1026-4435-876f-13c7a1e7aab4","elementConfiguration":{"inheritDimensions":"inheritWidth","width":"1.91 cm","binding":"UserProfile.Office.LogoH_PP_DCU","disableUpdates":false,"type":"image"}},{"type":"shape","id":"79f6ab05-1eb3-43b1-a578-908864281f3f","elementConfiguration":{"inheritDimensions":"inheritNone","width":"33.89 cm","height":"19.07 cm","binding":"UserProfile.Centers.VaelgKorrektSkabelon169DCU","disableUpdates":false,"type":"image"}},{"type":"shape","id":"1c8603ac-bf8e-4281-bf5e-45044c07e207","elementConfiguration":{"inheritDimensions":"inheritNone","width":"33.89 cm","height":"19.07 cm","binding":"UserProfile.Centers.VaelgKorrektSkabelon169DCU","disableUpdates":false,"type":"image"}},{"type":"shape","id":"a417fa0e-00ea-4e27-a7e7-7e0789217e82","elementConfiguration":{"binding":"Form.PresentationTitle","disableUpdates":false,"type":"text"}},{"type":"shape","id":"f5906f67-92b0-4477-8039-392dea189029","elementConfiguration":{"binding":"UserProfile.Name","visibility":{"action":"hide","binding":"Form.Manuel_dato","operator":"notEquals","compareValue":""},"disableUpdates":false,"type":"text"}},{"type":"shape","id":"f00c9ebf-3a15-4f18-8f47-2f27cbddb258","elementConfiguration":{"inheritDimensions":"inheritNone","width":"3.68 cm","height":"1.17 cm","binding":"UserProfile.EkstraLogo.ExtraLogoPPNEGDCU_{{DocumentLanguage}}","disableUpdates":false,"type":"image"}},{"type":"shape","id":"db447f6f-704a-49a8-b048-4c5e1a386bff","elementConfiguration":{"inheritDimensions":"inheritNone","width":"2.42 cm","height":"2.5 cm","binding":"UserProfile.EkstraLogo.ExtraLogoFive_PP_DCU_{{DocumentLanguage}}","disableUpdates":false,"type":"image"}},{"type":"shape","id":"375d3553-f0fa-4db0-8bac-354edb063548","elementConfiguration":{"inheritDimensions":"inheritNone","width":"2.42 cm","height":"2.5 cm","binding":"UserProfile.EkstraLogo.ExtraLogoTwo_PP_DCU_{{DocumentLanguage}}","disableUpdates":false,"type":"image"}},{"type":"shape","id":"b580432b-7d5c-410d-85ed-33355fd305ce","elementConfiguration":{"binding":"UserProfile.Office.Virksomhed_{{DocumentLanguage}}","disableUpdates":false,"type":"text"}},{"type":"shape","id":"6550b62b-0612-49df-ab70-1c4a893d1071","elementConfiguration":{"binding":"UserProfile.CenterFreeText","visibility":{"action":"hide","binding":"UserProfile.Centers.CenterUI","operator":"notEquals","compareValue":"Intet valgt"},"disableUpdates":false,"type":"text"}},{"type":"shape","id":"15a66e9e-c58b-47f0-80e7-5ac93711f173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591d8a7a-9f99-42d8-836e-4f9c39476b40","elementConfiguration":{"binding":"Form.Manuel_dato","visibility":{"action":"hide","operator":"equals","compareValue":""},"disableUpdates":false,"type":"text"}},{"type":"shape","id":"e9d07c4f-6e68-417d-9f3a-f8b496be3d2b","elementConfiguration":{"inheritDimensions":"inheritNone","width":"1.9 cm","height":"19.05 cm","binding":"UserProfile.Office.LogoColor_DCU","disableUpdates":false,"type":"image"}},{"type":"shape","id":"a55f572c-58dd-480c-8d68-f8e10bf2d24b","elementConfiguration":{"inheritDimensions":"inheritNone","width":"6.05 cm","height":"1.9 cm","binding":"UserProfile.EkstraLogo.ExtraLogoSix_PP_DCU_{{DocumentLanguage}}","disableUpdates":false,"type":"image"}},{"type":"shape","id":"3812601c-e93c-4964-8ab6-d5fa4941ebc2","elementConfiguration":{"inheritDimensions":"inheritWidth","width":"1.91 cm","binding":"UserProfile.Office.LogoH_PP_DCU","disableUpdates":false,"type":"image"}},{"type":"shape","id":"7b203b13-26fb-480b-ba04-7310c205e90d","elementConfiguration":{"binding":"UserProfile.Office.Virksomhed_{{DocumentLanguage}}","disableUpdates":false,"type":"text"}},{"type":"shape","id":"b3cfd99d-02ae-48f7-a1e9-8b6e3f312384","elementConfiguration":{"binding":"UserProfile.CenterFreeText","visibility":{"action":"hide","binding":"UserProfile.Centers.CenterUI","operator":"notEquals","compareValue":"Intet valgt","compareValues":[""]},"disableUpdates":false,"type":"text"}},{"type":"shape","id":"1507319c-879d-44cf-b9d5-18f14e5b90b5","elementConfiguration":{"binding":"UserProfile.Centers.Center_{{DocumentLanguage}}","visibility":{"action":"hide","binding":"UserProfile.Centers.CenterUI","operator":"equals","compareValue":"Intet valgt"},"disableUpdates":false,"type":"text"}},{"type":"shape","id":"f7ec9df1-4c72-4860-b10f-30671f7882ed","elementConfiguration":{"binding":"Form.PresentationTitle","disableUpdates":false,"type":"text"}},{"type":"shape","id":"d16ac71e-12d5-4b2b-a193-52b6d42fc829","elementConfiguration":{"inheritDimensions":"inheritNone","width":"1.9 cm","height":"1.9 cm","binding":"UserProfile.Office.LogoColor_DCU","disableUpdates":false,"type":"image"}},{"type":"shape","id":"5533e3de-dc8f-40ae-9a17-c93227e30186","elementConfiguration":{"inheritDimensions":"inheritNone","width":"3.68 cm","height":"1.17 cm","binding":"UserProfile.EkstraLogo.ExtraLogoPPNEGDCU_{{DocumentLanguage}}","disableUpdates":false,"type":"image"}},{"type":"shape","id":"8e87e138-8183-49cf-8578-070cdd70384b","elementConfiguration":{"inheritDimensions":"inheritNone","width":"2.42 cm","height":"2.5 cm","binding":"UserProfile.EkstraLogo.ExtraLogoFive_PP_DCU_{{DocumentLanguage}}","disableUpdates":false,"type":"image"}},{"type":"shape","id":"973eb738-5ecb-4357-95d3-b9e5eb6f5f12","elementConfiguration":{"inheritDimensions":"inheritNone","width":"2.42 cm","height":"2.5 cm","binding":"UserProfile.EkstraLogo.ExtraLogoTwo_PP_DCU_{{DocumentLanguage}}","disableUpdates":false,"type":"image"}},{"type":"shape","id":"2fc540f4-2e15-4338-bb29-2d06895e9e61","elementConfiguration":{"binding":"UserProfile.Name","visibility":{"action":"hide","binding":"Form.Manuel_dato","operator":"notEquals","compareValue":""},"disableUpdates":false,"type":"text"}},{"type":"shape","id":"ff04a1fd-7fac-4769-8cfa-45af694618f8","elementConfiguration":{"binding":"Form.Manuel_dato","visibility":{"action":"hide","operator":"equals","compareValue":""},"disableUpdates":false,"type":"text"}},{"type":"shape","id":"f88dc688-cb63-4821-a91c-f181ef82d214","elementConfiguration":{"inheritDimensions":"inheritNone","width":"6.05 cm","height":"1.9 cm","binding":"UserProfile.EkstraLogo.ExtraLogoSix_PP_DCU_{{DocumentLanguage}}","disableUpdates":false,"type":"image"}},{"type":"shape","id":"b5495041-d9ea-4999-ad5e-2a59d3124670","elementConfiguration":{"inheritDimensions":"inheritWidth","width":"1.91 cm","binding":"UserProfile.Office.LogoH_PP_DCU","disableUpdates":false,"type":"image"}},{"type":"shape","id":"8613f6b0-0323-4109-b47f-f3554e18ceb9","elementConfiguration":{"binding":"UserProfile.Office.Virksomhed_{{DocumentLanguage}}","disableUpdates":false,"type":"text"}},{"type":"shape","id":"85db55e6-458b-481d-9408-463234bfcea3","elementConfiguration":{"binding":"UserProfile.CenterFreeText","visibility":{"action":"hide","binding":"UserProfile.Centers.CenterUI","operator":"notEquals","compareValue":"Intet valgt"},"disableUpdates":false,"type":"text"}},{"type":"shape","id":"36014283-89cf-40e7-b10d-896b960fe66b","elementConfiguration":{"binding":"UserProfile.Centers.Center_{{DocumentLanguage}}","visibility":{"action":"hide","binding":"UserProfile.Centers.CenterUI","operator":"equals","compareValue":"Intet valgt"},"disableUpdates":false,"type":"text"}},{"type":"shape","id":"c25d615f-c77d-45fc-98e3-9e427daf875b","elementConfiguration":{"binding":"Form.PresentationTitle","disableUpdates":false,"type":"text"}},{"type":"shape","id":"dbcdf9a9-5347-416b-ae7e-68252ff76fd8","elementConfiguration":{"inheritDimensions":"inheritNone","width":"1.9 cm","height":"1.9 cm","binding":"UserProfile.Office.LogoColor_DCU","disableUpdates":false,"type":"image"}},{"type":"shape","id":"dea09ea3-de36-49cc-be77-4b105dbdde0b","elementConfiguration":{"inheritDimensions":"inheritNone","width":"3.68 cm","height":"1.17 cm","binding":"UserProfile.EkstraLogo.ExtraLogoPPNEGDCU_{{DocumentLanguage}}","disableUpdates":false,"type":"image"}},{"type":"shape","id":"98accfd7-65be-4f30-8586-8508c3b76ae0","elementConfiguration":{"inheritDimensions":"inheritNone","width":"2.42 cm","height":"2.5 cm","binding":"UserProfile.EkstraLogo.ExtraLogoFive_PP_DCU_{{DocumentLanguage}}","disableUpdates":false,"type":"image"}},{"type":"shape","id":"17d2b0de-711d-475e-8c79-bc1378a0356c","elementConfiguration":{"inheritDimensions":"inheritNone","width":"2.42 cm","height":"2.5 cm","binding":"UserProfile.EkstraLogo.ExtraLogoTwo_PP_DCU_{{DocumentLanguage}}","disableUpdates":false,"type":"image"}},{"type":"shape","id":"a91bff52-f5b0-451d-8121-048055ce9776","elementConfiguration":{"binding":"UserProfile.Name","visibility":{"action":"hide","binding":"Form.Manuel_dato","operator":"notEquals","compareValue":""},"disableUpdates":false,"type":"text"}},{"type":"shape","id":"e9c03596-ba49-4d5c-b2b2-97b92aad4221","elementConfiguration":{"binding":"Form.Manuel_dato","visibility":{"action":"hide","operator":"equals","compareValue":""},"disableUpdates":false,"type":"text"}},{"type":"shape","id":"39f970a3-b96a-4782-baeb-e4de4cb87453","elementConfiguration":{"inheritDimensions":"inheritNone","width":"6.05 cm","height":"1.9 cm","binding":"UserProfile.EkstraLogo.ExtraLogoSix_PP_DCU_{{DocumentLanguage}}","disableUpdates":false,"type":"image"}},{"type":"shape","id":"928259b6-8dd7-40e2-990b-c56de7ea4893","elementConfiguration":{"inheritDimensions":"inheritWidth","width":"1.91 cm","binding":"UserProfile.Office.LogoH_PP_DCU","disableUpdates":false,"type":"image"}},{"type":"shape","id":"0bc7c5ea-3b3f-44d9-a581-2a5e8a49eb29","elementConfiguration":{"binding":"UserProfile.Office.Virksomhed_{{DocumentLanguage}}","disableUpdates":false,"type":"text"}},{"type":"shape","id":"53afd0c3-daba-4d52-a02b-c036aeced493","elementConfiguration":{"binding":"UserProfile.CenterFreeText","visibility":{"action":"hide","binding":"UserProfile.Centers.CenterUI","operator":"notEquals","compareValue":"Intet valgt"},"disableUpdates":false,"type":"text"}},{"type":"shape","id":"6bad999f-64c7-4cb1-8565-7dfb291daee3","elementConfiguration":{"binding":"UserProfile.Centers.Center_{{DocumentLanguage}}","visibility":{"action":"hide","binding":"UserProfile.Centers.CenterUI","operator":"equals","compareValue":"Intet valgt"},"disableUpdates":false,"type":"text"}},{"type":"shape","id":"adeaabf8-fd74-49ad-9ca1-d6bc1df7ff18","elementConfiguration":{"binding":"Form.PresentationTitle","disableUpdates":false,"type":"text"}},{"type":"shape","id":"35da5a93-4973-44fe-8a30-3b4adadeea0d","elementConfiguration":{"inheritDimensions":"inheritNone","width":"1.9 cm","height":"1.9 cm","binding":"UserProfile.Office.LogoColor_DCU","disableUpdates":false,"type":"image"}},{"type":"shape","id":"56226e61-b998-40ed-8f82-a0bae772e758","elementConfiguration":{"inheritDimensions":"inheritNone","width":"3.68 cm","height":"1.17 cm","binding":"UserProfile.EkstraLogo.ExtraLogoPPNEGDCU_{{DocumentLanguage}}","disableUpdates":false,"type":"image"}},{"type":"shape","id":"fd16a4e9-200b-46f8-b0cf-54c52d299aa5","elementConfiguration":{"inheritDimensions":"inheritNone","width":"2.42 cm","height":"2.5 cm","binding":"UserProfile.EkstraLogo.ExtraLogoFive_PP_DCU_{{DocumentLanguage}}","disableUpdates":false,"type":"image"}},{"type":"shape","id":"250a832e-d3b0-4740-9f91-f3bf396661ca","elementConfiguration":{"inheritDimensions":"inheritNone","width":"2.42 cm","height":"2.5 cm","binding":"UserProfile.EkstraLogo.ExtraLogoTwo_PP_DCU_{{DocumentLanguage}}","disableUpdates":false,"type":"image"}},{"type":"shape","id":"91761d02-881a-4b7d-bb8e-ac732daa24d9","elementConfiguration":{"binding":"UserProfile.Name","visibility":{"action":"hide","binding":"Form.Manuel_dato","operator":"notEquals","compareValue":""},"disableUpdates":false,"type":"text"}},{"type":"shape","id":"7868d2d7-5a98-42cc-9336-30a0c38fe18e","elementConfiguration":{"binding":"Form.Manuel_dato","visibility":{"action":"hide","operator":"equals","compareValue":""},"disableUpdates":false,"type":"text"}},{"type":"shape","id":"6a7f8d1b-0ee3-4ac4-bf9c-8028719950dd","elementConfiguration":{"inheritDimensions":"inheritNone","width":"6.05 cm","height":"1.9 cm","binding":"UserProfile.EkstraLogo.ExtraLogoSix_PP_DCU_{{DocumentLanguage}}","disableUpdates":false,"type":"image"}},{"type":"shape","id":"f917f2aa-8dda-4d37-9214-b3a9965a23b2","elementConfiguration":{"inheritDimensions":"inheritWidth","width":"1.91 cm","binding":"UserProfile.Office.LogoH_PP_DCU","disableUpdates":false,"type":"image"}},{"type":"shape","id":"6bc9cbdd-993d-4b23-bf4d-e5b7328a9d12","elementConfiguration":{"inheritDimensions":"inheritNone","width":"1.9 cm","height":"1.9 cm","binding":"UserProfile.Office.LogoColor_DCU","disableUpdates":false,"type":"image"}},{"type":"shape","id":"753abe00-0bab-4cbd-81f7-251a6500c302","elementConfiguration":{"binding":"UserProfile.Office.Virksomhed_{{DocumentLanguage}}","disableUpdates":false,"type":"text"}},{"type":"shape","id":"d20ade7a-939d-4041-8aad-439bde463385","elementConfiguration":{"binding":"UserProfile.CenterFreeText","visibility":{"action":"hide","binding":"UserProfile.Centers.CenterUI","operator":"notEquals","compareValue":"Intet valgt"},"disableUpdates":false,"type":"text"}},{"type":"shape","id":"c032b2eb-359f-4295-b955-9e2046f96d1d","elementConfiguration":{"binding":"UserProfile.Centers.Center_{{DocumentLanguage}}","visibility":{"action":"hide","binding":"UserProfile.Centers.CenterUI","operator":"equals","compareValue":"Intet valgt"},"disableUpdates":false,"type":"text"}},{"type":"shape","id":"c7b03826-58a4-4ba2-a582-bc2086b66bb5","elementConfiguration":{"binding":"Form.PresentationTitle","disableUpdates":false,"type":"text"}},{"type":"shape","id":"51341ef4-dbe9-4dce-b7fd-013990422049","elementConfiguration":{"inheritDimensions":"inheritNone","width":"3.68 cm","height":"1.17 cm","binding":"UserProfile.EkstraLogo.ExtraLogoPPNEGDCU_{{DocumentLanguage}}","disableUpdates":false,"type":"image"}},{"type":"shape","id":"22886eb9-5acc-4262-a5d1-e079cfe88793","elementConfiguration":{"inheritDimensions":"inheritNone","width":"2.42 cm","height":"2.5 cm","binding":"UserProfile.EkstraLogo.ExtraLogoFive_PP_DCU_{{DocumentLanguage}}","disableUpdates":false,"type":"image"}},{"type":"shape","id":"e1b07f6d-b721-4619-ad81-d5299187cdfa","elementConfiguration":{"inheritDimensions":"inheritNone","width":"2.42 cm","height":"2.5 cm","binding":"UserProfile.EkstraLogo.ExtraLogoTwo_PP_DCU_{{DocumentLanguage}}","disableUpdates":false,"type":"image"}},{"type":"shape","id":"08e1213b-af2c-4c50-aad3-b0cffe77b4ff","elementConfiguration":{"binding":"UserProfile.Name","visibility":{"action":"hide","binding":"Form.Manuel_dato","operator":"notEquals","compareValue":""},"disableUpdates":false,"type":"text"}},{"type":"shape","id":"37379159-0fe4-4a9b-915b-8f592422ad4b","elementConfiguration":{"binding":"Form.Manuel_dato","visibility":{"action":"hide","operator":"equals","compareValue":""},"disableUpdates":false,"type":"text"}},{"type":"shape","id":"034603b4-5ce6-4688-ae79-f5dabf7e5e52","elementConfiguration":{"inheritDimensions":"inheritNone","width":"6.05 cm","height":"1.9 cm","binding":"UserProfile.EkstraLogo.ExtraLogoSix_PP_DCU_{{DocumentLanguage}}","disableUpdates":false,"type":"image"}},{"type":"shape","id":"89ccdde5-ac28-4829-abfc-c8e3cab80123","elementConfiguration":{"inheritDimensions":"inheritWidth","width":"1.91 cm","binding":"UserProfile.Office.LogoH_PP_DCU","disableUpdates":false,"type":"image"}},{"type":"shape","id":"3cbb3441-2a72-4479-a383-5c83d547ebb1","elementConfiguration":{"binding":"UserProfile.Office.Virksomhed_{{DocumentLanguage}}","disableUpdates":false,"type":"text"}},{"type":"shape","id":"487481e6-e4bf-44c8-8eba-ce3b1b716c2c","elementConfiguration":{"binding":"UserProfile.CenterFreeText","visibility":{"action":"hide","binding":"UserProfile.Centers.CenterUI","operator":"notEquals","compareValue":"Intet valgt"},"disableUpdates":false,"type":"text"}},{"type":"shape","id":"f240290f-f25c-465c-9839-ad4b98c4df9c","elementConfiguration":{"binding":"UserProfile.Centers.Center_{{DocumentLanguage}}","visibility":{"action":"hide","binding":"UserProfile.Centers.CenterUI","operator":"equals","compareValue":"Intet valgt"},"disableUpdates":false,"type":"text"}},{"type":"shape","id":"2bf0589f-3819-45c7-9786-e12e8a007ea7","elementConfiguration":{"binding":"Form.PresentationTitle","disableUpdates":false,"type":"text"}},{"type":"shape","id":"a39e6eec-7496-45d9-8370-3caf85bfb936","elementConfiguration":{"inheritDimensions":"inheritNone","width":"1.9 cm","height":"1.9 cm","binding":"UserProfile.Office.LogoColor_DCU","disableUpdates":false,"type":"image"}},{"type":"shape","id":"3f978f8a-3d37-471b-b2af-38550fd593bd","elementConfiguration":{"inheritDimensions":"inheritNone","width":"3.68 cm","height":"1.17 cm","binding":"UserProfile.EkstraLogo.ExtraLogoPPNEGDCU_{{DocumentLanguage}}","disableUpdates":false,"type":"image"}},{"type":"shape","id":"756c21ac-3185-490d-928b-20f0c0d8179a","elementConfiguration":{"inheritDimensions":"inheritNone","width":"2.42 cm","height":"2.5 cm","binding":"UserProfile.EkstraLogo.ExtraLogoFive_PP_DCU_{{DocumentLanguage}}","disableUpdates":false,"type":"image"}},{"type":"shape","id":"51c484af-0782-4751-9c78-c61510a74f52","elementConfiguration":{"inheritDimensions":"inheritNone","width":"2.42 cm","height":"2.5 cm","binding":"UserProfile.EkstraLogo.ExtraLogoTwo_PP_DCU_{{DocumentLanguage}}","disableUpdates":false,"type":"image"}},{"type":"shape","id":"c6df020d-f99c-4fbf-86d3-121b0e894bbc","elementConfiguration":{"binding":"UserProfile.Name","visibility":{"action":"hide","binding":"Form.Manuel_dato","operator":"notEquals","compareValue":""},"disableUpdates":false,"type":"text"}},{"type":"shape","id":"bc9b0cc7-50b1-40f2-a21a-518c978e7315","elementConfiguration":{"binding":"Form.Manuel_dato","visibility":{"action":"hide","operator":"equals","compareValue":""},"disableUpdates":false,"type":"text"}},{"type":"shape","id":"0096393e-1f14-47b4-87de-aa3b983e5a86","elementConfiguration":{"inheritDimensions":"inheritNone","width":"6.05 cm","height":"1.9 cm","binding":"UserProfile.EkstraLogo.ExtraLogoSix_PP_DCU_{{DocumentLanguage}}","disableUpdates":false,"type":"image"}},{"type":"shape","id":"fa8878ee-11c6-4fcb-abd8-be29dc3162b9","elementConfiguration":{"inheritDimensions":"inheritWidth","width":"1.91 cm","binding":"UserProfile.Office.LogoH_PP_DCU","disableUpdates":false,"type":"image"}},{"type":"shape","id":"4fd3bb41-b54c-41dc-a711-89ef3ffc1ad7","elementConfiguration":{"inheritDimensions":"inheritNone","width":"3.68 cm","height":"1.17 cm","binding":"UserProfile.EkstraLogo.ExtraLogoPPDCU_{{DocumentLanguage}}","disableUpdates":false,"type":"image"}},{"type":"shape","id":"f09c6b88-d4ef-492d-aa5a-8baacf901a31","elementConfiguration":{"binding":"UserProfile.Office.Virksomhed_{{DocumentLanguage}}","disableUpdates":false,"type":"text"}},{"type":"shape","id":"3de44c2c-1613-4761-944f-81c6e773323f","elementConfiguration":{"binding":"UserProfile.CenterFreeText","visibility":{"action":"hide","binding":"UserProfile.Centers.CenterUI","operator":"notEquals","compareValue":"Intet valgt"},"disableUpdates":false,"type":"text"}},{"type":"shape","id":"ace0515e-ec3d-4f0c-b39d-622469461484","elementConfiguration":{"binding":"UserProfile.Centers.Center_{{DocumentLanguage}}","visibility":{"action":"hide","binding":"UserProfile.Centers.CenterUI","operator":"equals","compareValue":"Intet valgt"},"disableUpdates":false,"type":"text"}},{"type":"shape","id":"bb04788d-c5a4-4b46-a425-81577bf93df6","elementConfiguration":{"binding":"Form.PresentationTitle","disableUpdates":false,"type":"text"}},{"type":"shape","id":"1ae8a5fe-6271-4c03-b6e2-ebc713b00dd4","elementConfiguration":{"inheritDimensions":"inheritNone","width":"2.42 cm","height":"2.5 cm","binding":"UserProfile.EkstraLogo.ExtraLogoFive_PP_DCU_{{DocumentLanguage}}","disableUpdates":false,"type":"image"}},{"type":"shape","id":"720fb5bf-3641-4733-9b52-1cf03c5e004d","elementConfiguration":{"inheritDimensions":"inheritNone","width":"2.42 cm","height":"2.5 cm","binding":"UserProfile.EkstraLogo.ExtraLogoTwo_PP_DCU_{{DocumentLanguage}}","disableUpdates":false,"type":"image"}},{"type":"shape","id":"4fd4601d-e17e-41f8-aca9-ffd2efba5f36","elementConfiguration":{"binding":"UserProfile.Name","visibility":{"action":"hide","binding":"Form.Manuel_dato","operator":"notEquals","compareValue":""},"disableUpdates":false,"type":"text"}},{"type":"shape","id":"983ea186-95b4-4529-8e4a-6472e6a63e35","elementConfiguration":{"binding":"Form.Manuel_dato","visibility":{"action":"hide","operator":"equals","compareValue":""},"disableUpdates":false,"type":"text"}},{"type":"shape","id":"47cbc01c-f047-4784-bf7c-2bbb57dc9c15","elementConfiguration":{"inheritDimensions":"inheritNone","width":"1.9 cm","height":"19.05 cm","binding":"UserProfile.Office.LogoColor_DCU","disableUpdates":false,"type":"image"}},{"type":"shape","id":"91d994e6-5c86-4dbd-8795-63a660b261a6","elementConfiguration":{"inheritDimensions":"inheritNone","width":"6.05 cm","height":"1.9 cm","binding":"UserProfile.EkstraLogo.ExtraLogoSix_PP_DCU_{{DocumentLanguage}}","disableUpdates":false,"type":"image"}},{"type":"shape","id":"bca3d7e0-c1e2-4b4b-9744-f692e3088be1","elementConfiguration":{"inheritDimensions":"inheritWidth","width":"1.91 cm","binding":"UserProfile.Office.LogoH_PP_DCU","disableUpdates":false,"type":"image"}},{"type":"shape","id":"541333b7-391c-400c-87a0-af0531759c5c","elementConfiguration":{"binding":"UserProfile.Office.Virksomhed_{{DocumentLanguage}}","disableUpdates":false,"type":"text"}},{"type":"shape","id":"7a49ae08-1fc2-4e99-8071-59a099df69d8","elementConfiguration":{"binding":"UserProfile.CenterFreeText","visibility":{"action":"hide","binding":"UserProfile.Centers.CenterUI","operator":"notEquals","compareValue":"Intet valgt"},"disableUpdates":false,"type":"text"}},{"type":"shape","id":"92d96d83-804f-4e1c-8e2f-7d061885ba5e","elementConfiguration":{"binding":"UserProfile.Centers.Center_{{DocumentLanguage}}","visibility":{"action":"hide","binding":"UserProfile.Centers.CenterUI","operator":"equals","compareValue":"Intet valgt"},"disableUpdates":false,"type":"text"}},{"type":"shape","id":"3ae5427b-3bc3-4109-ae13-11da3d78edd5","elementConfiguration":{"binding":"Form.PresentationTitle","disableUpdates":false,"type":"text"}},{"type":"shape","id":"20b07c86-fa72-4843-968c-80b9b0ee85f6","elementConfiguration":{"inheritDimensions":"inheritNone","width":"1.9 cm","height":"1.9 cm","binding":"UserProfile.Office.LogoColor_DCU","disableUpdates":false,"type":"image"}},{"type":"shape","id":"b141dce5-d58c-4969-be78-69c438ae9c23","elementConfiguration":{"inheritDimensions":"inheritNone","width":"3.68 cm","height":"1.17 cm","binding":"UserProfile.EkstraLogo.ExtraLogoPPNEGDCU_{{DocumentLanguage}}","disableUpdates":false,"type":"image"}},{"type":"shape","id":"60021ed0-b581-4793-92b3-f1d4cca132d8","elementConfiguration":{"inheritDimensions":"inheritNone","width":"2.42 cm","height":"2.5 cm","binding":"UserProfile.EkstraLogo.ExtraLogoFive_PP_DCU_{{DocumentLanguage}}","disableUpdates":false,"type":"image"}},{"type":"shape","id":"de64a201-deaf-46c8-b3bf-88770481d0d4","elementConfiguration":{"inheritDimensions":"inheritNone","width":"2.42 cm","height":"2.5 cm","binding":"UserProfile.EkstraLogo.ExtraLogoTwo_PP_DCU_{{DocumentLanguage}}","disableUpdates":false,"type":"image"}},{"type":"shape","id":"f725a53d-62a8-4c35-b949-0683f8718f40","elementConfiguration":{"binding":"UserProfile.Name","visibility":{"action":"hide","binding":"Form.Manuel_dato","operator":"notEquals","compareValue":""},"disableUpdates":false,"type":"text"}},{"type":"shape","id":"9df8758c-0228-4cd1-a139-fd32f5810333","elementConfiguration":{"binding":"Form.Manuel_dato","visibility":{"action":"hide","operator":"equals","compareValue":""},"disableUpdates":false,"type":"text"}},{"type":"shape","id":"3eb6ac18-f119-4a57-bca2-2623655848cd","elementConfiguration":{"inheritDimensions":"inheritNone","width":"6.05 cm","height":"1.9 cm","binding":"UserProfile.EkstraLogo.ExtraLogoSix_PP_DCU_{{DocumentLanguage}}","disableUpdates":false,"type":"image"}},{"type":"shape","id":"c224b658-6523-4277-80a5-1531b8329f16","elementConfiguration":{"inheritDimensions":"inheritWidth","width":"1.91 cm","binding":"UserProfile.Office.LogoH_PP_DCU","disableUpdates":false,"type":"image"}},{"type":"shape","id":"d68620ae-9c75-46be-a065-61dd7b5c1a93","elementConfiguration":{"binding":"UserProfile.Office.Virksomhed_{{DocumentLanguage}}","disableUpdates":false,"type":"text"}},{"type":"shape","id":"cc0c63b5-2e22-4ad6-8911-6d7b928320b7","elementConfiguration":{"binding":"UserProfile.CenterFreeText","visibility":{"action":"hide","binding":"UserProfile.Centers.CenterUI","operator":"notEquals","compareValue":"Intet valgt"},"disableUpdates":false,"type":"text"}},{"type":"shape","id":"d61a3a3a-49a9-4754-9794-6dfb463cbef1","elementConfiguration":{"binding":"UserProfile.Centers.Center_{{DocumentLanguage}}","visibility":{"action":"hide","binding":"UserProfile.Centers.CenterUI","operator":"equals","compareValue":"Intet valgt"},"disableUpdates":false,"type":"text"}},{"type":"shape","id":"058160d9-4873-4461-99dd-4a8a160ce8dc","elementConfiguration":{"binding":"Form.PresentationTitle","disableUpdates":false,"type":"text"}},{"type":"shape","id":"a3a1bdfe-905f-4e0b-8a5e-b4c9cff03d74","elementConfiguration":{"inheritDimensions":"inheritNone","width":"2.42 cm","height":"2.5 cm","binding":"UserProfile.EkstraLogo.ExtraLogoFive_PP_DCU_{{DocumentLanguage}}","disableUpdates":false,"type":"image"}},{"type":"shape","id":"aaef92d9-502c-49ef-8e0d-7218c7b4c065","elementConfiguration":{"inheritDimensions":"inheritNone","width":"2.42 cm","height":"2.5 cm","binding":"UserProfile.EkstraLogo.ExtraLogoTwo_PP_DCU_{{DocumentLanguage}}","disableUpdates":false,"type":"image"}},{"type":"shape","id":"7f9b1835-f725-4c9f-ba3e-08719bba405a","elementConfiguration":{"binding":"UserProfile.Name","visibility":{"action":"hide","binding":"Form.Manuel_dato","operator":"notEquals","compareValue":""},"disableUpdates":false,"type":"text"}},{"type":"shape","id":"4a61c3ba-123f-4c55-acb3-1446f09e78b4","elementConfiguration":{"binding":"Form.Manuel_dato","visibility":{"action":"hide","operator":"equals","compareValue":""},"disableUpdates":false,"type":"text"}},{"type":"shape","id":"0c7304ea-d5d9-4708-9aae-344410e62770","elementConfiguration":{"inheritDimensions":"inheritNone","width":"1.9 cm","height":"19.05 cm","binding":"UserProfile.Office.LogoColor_DCU","disableUpdates":false,"type":"image"}},{"type":"shape","id":"6e1645b4-b243-4354-821d-29b79f3d3f01","elementConfiguration":{"inheritDimensions":"inheritNone","width":"3.68 cm","height":"1.17 cm","binding":"UserProfile.EkstraLogo.ExtraLogoPPNEGDCU_{{DocumentLanguage}}","disableUpdates":false,"type":"image"}},{"type":"shape","id":"9f3bafec-4c3b-4342-989a-319ae5b3b43c","elementConfiguration":{"inheritDimensions":"inheritNone","width":"6.05 cm","height":"1.9 cm","binding":"UserProfile.EkstraLogo.ExtraLogoSix_PP_DCU_{{DocumentLanguage}}","disableUpdates":false,"type":"image"}},{"type":"shape","id":"79be18c6-fab6-4813-92fd-5b25b86e060f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73038327532712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26957DE-A263-4C3E-96D4-107DEBA1D471}">
  <ds:schemaRefs/>
</ds:datastoreItem>
</file>

<file path=customXml/itemProps10.xml><?xml version="1.0" encoding="utf-8"?>
<ds:datastoreItem xmlns:ds="http://schemas.openxmlformats.org/officeDocument/2006/customXml" ds:itemID="{5DFC8546-DDC8-489F-B7A8-6D524B97984E}">
  <ds:schemaRefs/>
</ds:datastoreItem>
</file>

<file path=customXml/itemProps11.xml><?xml version="1.0" encoding="utf-8"?>
<ds:datastoreItem xmlns:ds="http://schemas.openxmlformats.org/officeDocument/2006/customXml" ds:itemID="{1D7E9E62-33BB-4D1B-A60A-11F6213652CE}">
  <ds:schemaRefs/>
</ds:datastoreItem>
</file>

<file path=customXml/itemProps12.xml><?xml version="1.0" encoding="utf-8"?>
<ds:datastoreItem xmlns:ds="http://schemas.openxmlformats.org/officeDocument/2006/customXml" ds:itemID="{2AC6B8D2-B62C-4BCE-A506-983361329A69}">
  <ds:schemaRefs/>
</ds:datastoreItem>
</file>

<file path=customXml/itemProps2.xml><?xml version="1.0" encoding="utf-8"?>
<ds:datastoreItem xmlns:ds="http://schemas.openxmlformats.org/officeDocument/2006/customXml" ds:itemID="{B0D2E709-FA3C-4E2D-A1F5-DD257C406372}">
  <ds:schemaRefs/>
</ds:datastoreItem>
</file>

<file path=customXml/itemProps3.xml><?xml version="1.0" encoding="utf-8"?>
<ds:datastoreItem xmlns:ds="http://schemas.openxmlformats.org/officeDocument/2006/customXml" ds:itemID="{C2D64CBE-9F88-4A21-90C2-BD0AA564674F}">
  <ds:schemaRefs/>
</ds:datastoreItem>
</file>

<file path=customXml/itemProps4.xml><?xml version="1.0" encoding="utf-8"?>
<ds:datastoreItem xmlns:ds="http://schemas.openxmlformats.org/officeDocument/2006/customXml" ds:itemID="{978984FF-6C25-4FD4-85EA-2F9586C8CA61}">
  <ds:schemaRefs/>
</ds:datastoreItem>
</file>

<file path=customXml/itemProps5.xml><?xml version="1.0" encoding="utf-8"?>
<ds:datastoreItem xmlns:ds="http://schemas.openxmlformats.org/officeDocument/2006/customXml" ds:itemID="{7200C2A8-2F34-4CEB-AC93-8D1E85273CDA}">
  <ds:schemaRefs/>
</ds:datastoreItem>
</file>

<file path=customXml/itemProps6.xml><?xml version="1.0" encoding="utf-8"?>
<ds:datastoreItem xmlns:ds="http://schemas.openxmlformats.org/officeDocument/2006/customXml" ds:itemID="{E53D1538-2B10-42E3-B3A2-D052B27F0EF7}">
  <ds:schemaRefs/>
</ds:datastoreItem>
</file>

<file path=customXml/itemProps7.xml><?xml version="1.0" encoding="utf-8"?>
<ds:datastoreItem xmlns:ds="http://schemas.openxmlformats.org/officeDocument/2006/customXml" ds:itemID="{C030AF3F-DAB1-448A-AB4B-80B4A7C9C266}">
  <ds:schemaRefs/>
</ds:datastoreItem>
</file>

<file path=customXml/itemProps8.xml><?xml version="1.0" encoding="utf-8"?>
<ds:datastoreItem xmlns:ds="http://schemas.openxmlformats.org/officeDocument/2006/customXml" ds:itemID="{BE8F26EB-1153-4B98-AAC3-D117DA0F337D}">
  <ds:schemaRefs/>
</ds:datastoreItem>
</file>

<file path=customXml/itemProps9.xml><?xml version="1.0" encoding="utf-8"?>
<ds:datastoreItem xmlns:ds="http://schemas.openxmlformats.org/officeDocument/2006/customXml" ds:itemID="{B5718CDB-9D0D-4690-9430-C1EF110AEB1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56</Words>
  <Application>Microsoft Office PowerPoint</Application>
  <PresentationFormat>Widescreen</PresentationFormat>
  <Paragraphs>42</Paragraphs>
  <Slides>6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9" baseType="lpstr">
      <vt:lpstr>Arial</vt:lpstr>
      <vt:lpstr>Calibri</vt:lpstr>
      <vt:lpstr>REGION H Hospital PowerPoint Skabelon_DKfinal</vt:lpstr>
      <vt:lpstr>Oplæg fra SFR Ortopædkirurgi vedr. fokuseret indsats på hoftebrudsdatabasen</vt:lpstr>
      <vt:lpstr>Status for ortopædkirurgien</vt:lpstr>
      <vt:lpstr>Udvalgte indsatser</vt:lpstr>
      <vt:lpstr>Udvalgte indsatser</vt:lpstr>
      <vt:lpstr>Udvalgte indsatser</vt:lpstr>
      <vt:lpstr>Udvalgte indsatser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2-01-17T11:18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8-18T11:59:43.944016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6446093926059330</vt:lpwstr>
  </property>
  <property fmtid="{D5CDD505-2E9C-101B-9397-08002B2CF9AE}" pid="7" name="TemplafyLanguageCode">
    <vt:lpwstr>da-DK</vt:lpwstr>
  </property>
</Properties>
</file>